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4027\group\02_教育指導グループ\01_業務別\02_各種事業\2_1_文部科学省事業等\2_1_04_全国学力・学習状況調査【橋本・池田】\令和７年度\04_結果公表（10月公表）\R7\06_ホームページ\"/>
    </mc:Choice>
  </mc:AlternateContent>
  <xr:revisionPtr revIDLastSave="0" documentId="13_ncr:1_{9AFDBD2F-F25D-4AEF-A64D-44F6424D2591}" xr6:coauthVersionLast="47" xr6:coauthVersionMax="47" xr10:uidLastSave="{00000000-0000-0000-0000-000000000000}"/>
  <bookViews>
    <workbookView xWindow="-120" yWindow="-16320" windowWidth="29040" windowHeight="15720" activeTab="1" xr2:uid="{00000000-000D-0000-FFFF-FFFF00000000}"/>
  </bookViews>
  <sheets>
    <sheet name="小・国語" sheetId="2" r:id="rId1"/>
    <sheet name="小・算数" sheetId="1" r:id="rId2"/>
    <sheet name="小・理科" sheetId="7" r:id="rId3"/>
    <sheet name="中・国語" sheetId="3" r:id="rId4"/>
    <sheet name="中・数学" sheetId="4" r:id="rId5"/>
    <sheet name="中・理科" sheetId="8" r:id="rId6"/>
    <sheet name="小・国算理質問調査" sheetId="5" r:id="rId7"/>
    <sheet name="中・国数理質問調査" sheetId="9" r:id="rId8"/>
  </sheets>
  <definedNames>
    <definedName name="_xlnm.Print_Area" localSheetId="0">小・国語!$A$1:$Y$21</definedName>
    <definedName name="_xlnm.Print_Area" localSheetId="6">小・国算理質問調査!$A$1:$F$41</definedName>
    <definedName name="_xlnm.Print_Area" localSheetId="1">小・算数!$A$1:$X$22</definedName>
    <definedName name="_xlnm.Print_Area" localSheetId="2">小・理科!$A$1:$W$24</definedName>
    <definedName name="_xlnm.Print_Area" localSheetId="3">中・国語!$A$1:$Y$21</definedName>
    <definedName name="_xlnm.Print_Area" localSheetId="7">中・国数理質問調査!$A$1:$G$39</definedName>
    <definedName name="_xlnm.Print_Area" localSheetId="4">中・数学!$A$1:$W$21</definedName>
    <definedName name="_xlnm.Print_Area" localSheetId="5">中・理科!$A$1:$W$2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23" uniqueCount="478">
  <si>
    <t>問題番号</t>
  </si>
  <si>
    <t>問題の概要</t>
    <phoneticPr fontId="4"/>
  </si>
  <si>
    <t>出題の趣旨</t>
    <phoneticPr fontId="5"/>
  </si>
  <si>
    <t>学習指導要領の領域</t>
  </si>
  <si>
    <t>評価の観点</t>
  </si>
  <si>
    <t>正答率(％)</t>
  </si>
  <si>
    <t>無解答率(％)</t>
  </si>
  <si>
    <t>Ａ　数と計算</t>
    <phoneticPr fontId="5"/>
  </si>
  <si>
    <t>Ｂ　図形</t>
  </si>
  <si>
    <t>Ｃ　測定</t>
    <rPh sb="2" eb="4">
      <t>ソクテイ</t>
    </rPh>
    <phoneticPr fontId="5"/>
  </si>
  <si>
    <t>Ｃ　変化と関係</t>
    <phoneticPr fontId="5"/>
  </si>
  <si>
    <t>Ｄ　データの活用</t>
  </si>
  <si>
    <t>知識・技能</t>
  </si>
  <si>
    <t>思考・判断・表現</t>
  </si>
  <si>
    <t>主体的に学習に取り組む態度</t>
  </si>
  <si>
    <t>神奈川県（公立）</t>
  </si>
  <si>
    <t>全国（公立）</t>
  </si>
  <si>
    <t>１（１）</t>
  </si>
  <si>
    <t>１（２）</t>
  </si>
  <si>
    <t>○</t>
  </si>
  <si>
    <t>２（１）</t>
  </si>
  <si>
    <t>２（２）</t>
  </si>
  <si>
    <t>３（１）</t>
  </si>
  <si>
    <t>３（２）</t>
  </si>
  <si>
    <t>３（３）</t>
  </si>
  <si>
    <t>３（４）</t>
  </si>
  <si>
    <t>４（１）</t>
  </si>
  <si>
    <t>４（２）</t>
  </si>
  <si>
    <t>４（３）</t>
  </si>
  <si>
    <t>４（４）</t>
  </si>
  <si>
    <t>５(２)
ア(ア)</t>
  </si>
  <si>
    <t>５（２）</t>
  </si>
  <si>
    <t>３(１)
ア(ア)</t>
  </si>
  <si>
    <t>問題の概要</t>
  </si>
  <si>
    <t>学習指導要領の内容</t>
  </si>
  <si>
    <t>知識及び技能</t>
  </si>
  <si>
    <t>思考力、判断
力、表現力等</t>
    <phoneticPr fontId="5"/>
  </si>
  <si>
    <t>(1)
言
葉
の
特
徴
や
使
い
方
に
関
す
る
事
項</t>
  </si>
  <si>
    <t>(2)
情
報
の
扱
い
方
に
関
す
る
事
項</t>
  </si>
  <si>
    <t>(3)
我
が
国
の
言
語
文
化
に
関
す
る
事
項</t>
  </si>
  <si>
    <t>Ａ　話すこと・聞くこと</t>
  </si>
  <si>
    <t>Ｂ　書くこと</t>
  </si>
  <si>
    <t>Ｃ　読むこと</t>
  </si>
  <si>
    <t>１一</t>
  </si>
  <si>
    <t>１三</t>
  </si>
  <si>
    <t>２二</t>
  </si>
  <si>
    <t>３一</t>
  </si>
  <si>
    <t>３三</t>
  </si>
  <si>
    <t>⑴　言葉の特徴や使い方に関する事項</t>
    <phoneticPr fontId="4"/>
  </si>
  <si>
    <t>⑵　情報の扱い方に関する事項</t>
    <phoneticPr fontId="4"/>
  </si>
  <si>
    <t>⑶　我が国の言語文化に関する事項</t>
    <phoneticPr fontId="4"/>
  </si>
  <si>
    <t>全国（公立）</t>
    <phoneticPr fontId="5"/>
  </si>
  <si>
    <t>１
エ</t>
  </si>
  <si>
    <t>２
ウ</t>
  </si>
  <si>
    <t>１
ア</t>
  </si>
  <si>
    <t>２
ア</t>
  </si>
  <si>
    <t>２四</t>
  </si>
  <si>
    <t>Ａ　数と式</t>
    <phoneticPr fontId="5"/>
  </si>
  <si>
    <t>Ｃ　関数</t>
    <phoneticPr fontId="5"/>
  </si>
  <si>
    <t>１</t>
  </si>
  <si>
    <t>２</t>
  </si>
  <si>
    <t>３</t>
  </si>
  <si>
    <t>４</t>
  </si>
  <si>
    <t>５</t>
  </si>
  <si>
    <t>６（１）</t>
  </si>
  <si>
    <t>６（２）</t>
  </si>
  <si>
    <t>目的に応じて式を変形したり、その意味を読み取ったりして、事柄が成り立つ理由を説明することができるかどうかをみる</t>
  </si>
  <si>
    <t>６（３）</t>
  </si>
  <si>
    <t>７（１）</t>
  </si>
  <si>
    <t>７（２）</t>
  </si>
  <si>
    <t>８（１）</t>
  </si>
  <si>
    <t>８（２）</t>
  </si>
  <si>
    <t>事象を数学的に解釈し、問題解決の方法を数学的に説明することができるかどうかをみる</t>
  </si>
  <si>
    <t>９（１）</t>
  </si>
  <si>
    <t>９（２）</t>
  </si>
  <si>
    <t>質問番号</t>
    <rPh sb="0" eb="2">
      <t>シツモン</t>
    </rPh>
    <rPh sb="2" eb="4">
      <t>バンゴウ</t>
    </rPh>
    <phoneticPr fontId="2"/>
  </si>
  <si>
    <t>質問</t>
    <rPh sb="0" eb="2">
      <t>シツモン</t>
    </rPh>
    <phoneticPr fontId="2"/>
  </si>
  <si>
    <t>県</t>
    <rPh sb="0" eb="1">
      <t>ケン</t>
    </rPh>
    <phoneticPr fontId="2"/>
  </si>
  <si>
    <t>全国</t>
    <rPh sb="0" eb="2">
      <t>ゼンコク</t>
    </rPh>
    <phoneticPr fontId="2"/>
  </si>
  <si>
    <t>国語の勉強は好きですか</t>
  </si>
  <si>
    <t>国語の授業の内容はよく分かりますか</t>
  </si>
  <si>
    <t>国語の授業で学習したことは、将来、社会に出たときに役に立つと思いますか</t>
  </si>
  <si>
    <t>国2</t>
    <rPh sb="0" eb="1">
      <t>コク</t>
    </rPh>
    <phoneticPr fontId="2"/>
  </si>
  <si>
    <t>数学の授業の内容はよく分かりますか</t>
    <rPh sb="0" eb="2">
      <t>スウガク</t>
    </rPh>
    <phoneticPr fontId="2"/>
  </si>
  <si>
    <t>数学の授業で学習したことは、将来、社会に出たときに役に立つと思いますか</t>
    <rPh sb="0" eb="2">
      <t>スウガク</t>
    </rPh>
    <phoneticPr fontId="2"/>
  </si>
  <si>
    <t>出題の趣旨</t>
    <phoneticPr fontId="4"/>
  </si>
  <si>
    <t>問題形式</t>
  </si>
  <si>
    <t>選択式</t>
  </si>
  <si>
    <t>短答式</t>
  </si>
  <si>
    <t>記述式</t>
  </si>
  <si>
    <t/>
  </si>
  <si>
    <t>５・６
ア</t>
  </si>
  <si>
    <t>１二</t>
  </si>
  <si>
    <t>５・６
イ</t>
  </si>
  <si>
    <t>１三（１）</t>
  </si>
  <si>
    <t>５・６
エ</t>
  </si>
  <si>
    <t>１三（２）</t>
  </si>
  <si>
    <t>２一</t>
  </si>
  <si>
    <t>３・４
イ</t>
  </si>
  <si>
    <t>２三</t>
  </si>
  <si>
    <t>５・６
ウ</t>
  </si>
  <si>
    <t>２四ア</t>
  </si>
  <si>
    <t>２四イ</t>
  </si>
  <si>
    <t>３二（１）</t>
  </si>
  <si>
    <t>１・２
ア</t>
  </si>
  <si>
    <t>３二（２）</t>
  </si>
  <si>
    <t>３三（１）</t>
  </si>
  <si>
    <t>３三（２）</t>
  </si>
  <si>
    <t>あなたの学校</t>
    <rPh sb="4" eb="6">
      <t>ガッコウ</t>
    </rPh>
    <phoneticPr fontId="2"/>
  </si>
  <si>
    <t>３(４)
ア(ア)</t>
  </si>
  <si>
    <t>３(１)
ア(イ)</t>
  </si>
  <si>
    <t>３(１)
ア(イ)
５(１)
ア(ア)
イ(ア)</t>
  </si>
  <si>
    <t>１（３）</t>
  </si>
  <si>
    <t>１（４）</t>
  </si>
  <si>
    <t>４(６)
ア(ア)
イ(ア)</t>
  </si>
  <si>
    <t>４(１)
ア(イ)</t>
  </si>
  <si>
    <t>２（３）</t>
  </si>
  <si>
    <t>角の大きさについて理解しているかどうかをみる</t>
  </si>
  <si>
    <t>４(５)
ア(ア)</t>
  </si>
  <si>
    <t>２（４）</t>
  </si>
  <si>
    <t>５(３)
ア(ア)
※</t>
  </si>
  <si>
    <t>４(４)
ア(イ)
ア(ウ)</t>
  </si>
  <si>
    <t>５(５)
ア(ア)
イ(ア)</t>
  </si>
  <si>
    <t>数直線上に示された数を分数で書く</t>
  </si>
  <si>
    <t>３(６)
ア(ア)
ア(イ)</t>
  </si>
  <si>
    <t>１／２＋１／３を計算する</t>
  </si>
  <si>
    <t>５(５)
ア(ア)</t>
  </si>
  <si>
    <t>４(１)
イ(ア)</t>
  </si>
  <si>
    <t>５(３)
イ(ア)</t>
  </si>
  <si>
    <t>問題番号</t>
    <phoneticPr fontId="2"/>
  </si>
  <si>
    <t>４（２）
イウ</t>
    <phoneticPr fontId="4"/>
  </si>
  <si>
    <t>４（２）
エオ</t>
    <phoneticPr fontId="4"/>
  </si>
  <si>
    <t>４（３）
カ</t>
    <phoneticPr fontId="4"/>
  </si>
  <si>
    <t>４（３）
キ</t>
    <phoneticPr fontId="4"/>
  </si>
  <si>
    <t>４（３）
ク</t>
    <phoneticPr fontId="4"/>
  </si>
  <si>
    <t>学習指導要領の区分・領域</t>
    <rPh sb="10" eb="12">
      <t>リョウイキ</t>
    </rPh>
    <phoneticPr fontId="4"/>
  </si>
  <si>
    <t>Ａ区分</t>
    <phoneticPr fontId="4"/>
  </si>
  <si>
    <t>「エネルギー」を柱とする領域</t>
    <rPh sb="8" eb="9">
      <t>ハシラ</t>
    </rPh>
    <rPh sb="12" eb="14">
      <t>リョウイキ</t>
    </rPh>
    <phoneticPr fontId="10"/>
  </si>
  <si>
    <t>３Ａ
(５)ア
(イ)</t>
  </si>
  <si>
    <t>３Ａ
(５)ア
(ア)※
(イ)※</t>
  </si>
  <si>
    <t>５Ａ
(３)ア
(イ)</t>
  </si>
  <si>
    <t>４Ａ
(３)ア
(ア)</t>
  </si>
  <si>
    <t>「粒子」を柱とする領域</t>
  </si>
  <si>
    <t>３Ａ
(４)ア
(ア)</t>
  </si>
  <si>
    <t>４Ａ
(２)ア
(イ)※</t>
  </si>
  <si>
    <t>４Ａ
(２)ア
(ウ)</t>
  </si>
  <si>
    <t>４Ａ
(２)ア
(ウ)※</t>
  </si>
  <si>
    <t>４Ａ
(２)ア
(ア)※</t>
  </si>
  <si>
    <t>Ｂ区分</t>
    <phoneticPr fontId="4"/>
  </si>
  <si>
    <t>「生命」を柱とする領域</t>
    <rPh sb="1" eb="3">
      <t>セイメイ</t>
    </rPh>
    <rPh sb="5" eb="6">
      <t>ハシラ</t>
    </rPh>
    <rPh sb="9" eb="11">
      <t>リョウイキ</t>
    </rPh>
    <phoneticPr fontId="10"/>
  </si>
  <si>
    <t>５Ｂ
(１)ア
(エ)</t>
  </si>
  <si>
    <t>５Ｂ
(１)ア</t>
  </si>
  <si>
    <t>５Ｂ
(１)ア
(イ)※</t>
  </si>
  <si>
    <t>５Ｂ
(１)イ</t>
  </si>
  <si>
    <t>「地球」を柱とする領域</t>
    <rPh sb="1" eb="3">
      <t>チキュウ</t>
    </rPh>
    <rPh sb="5" eb="6">
      <t>ハシラ</t>
    </rPh>
    <rPh sb="9" eb="11">
      <t>リョウイキ</t>
    </rPh>
    <phoneticPr fontId="10"/>
  </si>
  <si>
    <t>４Ｂ
(３)ア
(イ)※</t>
  </si>
  <si>
    <t>４Ｂ
(４)ア
(イ)</t>
  </si>
  <si>
    <t>４Ｂ
(３)ア
(ア)</t>
  </si>
  <si>
    <t>正答率(％)</t>
    <phoneticPr fontId="2"/>
  </si>
  <si>
    <t>無解答率(％)</t>
    <phoneticPr fontId="2"/>
  </si>
  <si>
    <t>神奈川県（公立）</t>
    <phoneticPr fontId="4"/>
  </si>
  <si>
    <t>あなたの学校</t>
    <rPh sb="4" eb="6">
      <t>ガッコウ</t>
    </rPh>
    <phoneticPr fontId="2"/>
  </si>
  <si>
    <t>１から９までの数の中から素数を全て選ぶ</t>
  </si>
  <si>
    <t>素数の意味を理解しているかどうかをみる</t>
  </si>
  <si>
    <t>１(１)
ア（ア）</t>
  </si>
  <si>
    <t>果汁４０％の飲み物ａｍＬに含まれる果汁の量を、ａを用いた式で表す</t>
  </si>
  <si>
    <t>数量を文字を用いた式で表すことができるかどうかをみる</t>
  </si>
  <si>
    <t>１(２)
ア（エ）</t>
  </si>
  <si>
    <t>△ＡＢＣにおいて、∠Ａの大きさが５０°のときの頂点Ａにおける外角の大きさを求める</t>
  </si>
  <si>
    <t>多角形の外角の意味を理解しているかどうかをみる</t>
  </si>
  <si>
    <t>２(１)
ア（イ）</t>
  </si>
  <si>
    <t>一次関数ｙ＝６ｘ＋５について、ｘの増加量が２のときのｙの増加量を求める</t>
  </si>
  <si>
    <t>一次関数ｙ＝ａｘ＋ｂについて、変化の割合を基に、ｘの増加量に対するｙの増加量を求めることができるかどうかをみる</t>
  </si>
  <si>
    <t>２(１)
ア（ア）</t>
  </si>
  <si>
    <t>ある学級の生徒４０人のハンドボール投げの記録をまとめた度数分布表から、２０ｍ以上２５ｍ未満の階級の相対度数を求める</t>
  </si>
  <si>
    <t>相対度数の意味を理解しているかどうかをみる</t>
  </si>
  <si>
    <t>連続する二つの３の倍数の和が９の倍数になるとは限らないことの説明を完成するために、予想が成り立たない例をあげ、その和を求める</t>
  </si>
  <si>
    <t>事柄が常に成り立つとは限らないことを説明する場面において、反例をあげることができるかどうかをみる</t>
  </si>
  <si>
    <t>２(１)
ア（ウ）
イ（イ）</t>
  </si>
  <si>
    <t>３ｎと３ｎ＋３の和を２（３ｎ＋１）＋１と表した式から、連続する二つの３の倍数の和がどんな数であるかを説明する</t>
  </si>
  <si>
    <t>式の意味を読み取り、成り立つ事柄を見いだし、数学的な表現を用いて説明することができるかどうかをみる</t>
  </si>
  <si>
    <t>２(１)
イ（イ）</t>
  </si>
  <si>
    <t>連続する三つの３の倍数の和が、９の倍数になることの説明を完成する</t>
  </si>
  <si>
    <t>Ａの手元のカードが３枚とも「グー」、Ｂの手元のカードが３枚とも「チョキ」でじゃんけんカードゲームの１回目を行うとき、１回目にＡが勝つ確率を書く</t>
  </si>
  <si>
    <t>必ず起こる事柄の確率について理解しているかどうかをみる</t>
  </si>
  <si>
    <t>２(２)
ア（ア）</t>
  </si>
  <si>
    <t>Ａの手元のカードが「グー」、「チョキ」、「パー」、「パー」の４枚、Ｂの手元のカードが「グー」、「チョキ」の２枚のとき、ＡとＢの勝ちやすさについての正しい記述を選び、その理由を確率を用いて説明する</t>
  </si>
  <si>
    <t>不確定な事象の起こりやすさの傾向を捉え、判断の理由を数学的な表現を用いて説明することができるかどうかをみる</t>
  </si>
  <si>
    <t>２(２)
イ（イ）</t>
  </si>
  <si>
    <t>Ａ駅からの走行距離と運賃の関係を表すグラフの何を読み取ればＣ駅とＤ駅の間の走行距離が分かるかを選ぶ</t>
  </si>
  <si>
    <t>事象に即して、グラフから必要な情報を読み取ることができるかどうかをみる</t>
  </si>
  <si>
    <t>１(１)
ア（ウ）</t>
  </si>
  <si>
    <t>Ａ駅から６０．０ｋｍ地点につくられる新しい駅の運賃がおよそ何円になるかを求める方法を説明する</t>
  </si>
  <si>
    <t>１(１)
イ（イ）</t>
  </si>
  <si>
    <t>四角形ＡＥＣＦが平行四辺形であることの証明を振り返り、新たに分かることを選ぶ</t>
  </si>
  <si>
    <t>証明を振り返り、証明された事柄を基にして、新たに分かる辺や角についての関係を見いだすことができるかどうかをみる</t>
  </si>
  <si>
    <t>２(２)
ア（イ）</t>
  </si>
  <si>
    <t>平行四辺形ＡＢＣＤの辺ＣＢ、ＡＤを延長した直線上にＢＥ＝ＤＦとなる点Ｅ、Ｆを取っても、四角形ＡＥＣＦは平行四辺形となることの証明を完成する</t>
  </si>
  <si>
    <t>統合的・発展的に考え、条件を変えた場合について、証明を評価・改善することができるかどうかをみる</t>
  </si>
  <si>
    <t>２(２)
イ（ア）</t>
  </si>
  <si>
    <t>９（３）</t>
  </si>
  <si>
    <t>平行四辺形ＡＢＣＤの辺ＢＣ、ＤＡを延長した直線上にＢＥ＝ＤＦとなる点Ｅ、Ｆを取り、辺ＡＢと線分ＦＣの交点をＧ、辺ＤＣと線分ＡＥの交点をＨとしたとき、四角形ＡＧＣＨが平行四辺形になることを証明する</t>
  </si>
  <si>
    <t>ある事柄が成り立つことを構想に基づいて証明することができるかどうかをみる</t>
  </si>
  <si>
    <t>ちらしに「会場図」を加えた目的を説明したものとして適切なものを選択する</t>
  </si>
  <si>
    <t>目的に応じて、集めた材料を整理し、伝えたいことを明確にすることができるかどうかをみる</t>
  </si>
  <si>
    <t>ちらしの中の情報について、示す位置を変えた意図を説明したものとして適切なものを選択する</t>
  </si>
  <si>
    <t>書く内容の中心が明確になるように、内容のまとまりを意識して文章の構成や展開を考えることができるかどうかをみる</t>
  </si>
  <si>
    <t>１
イ</t>
  </si>
  <si>
    <t>１四</t>
  </si>
  <si>
    <t>ちらしの読み手に向けて、今年の美術展の工夫について伝える文章を書く</t>
  </si>
  <si>
    <t>自分の考えが伝わる文章になるように、根拠を明確にして書くことができるかどうかをみる</t>
  </si>
  <si>
    <t>１
ウ</t>
  </si>
  <si>
    <t>スライドを使ってどのように話しているのかを説明したものとして適切なものを選択する</t>
  </si>
  <si>
    <t>資料や機器を用いて、自分の考えが分かりやすく伝わるように表現を工夫することができるかどうかをみる</t>
  </si>
  <si>
    <t>聞き手の反応を見て発した言葉について、そのように発言した理由を説明したものとして適切なものを選択する</t>
  </si>
  <si>
    <t>相手の反応を踏まえながら、自分の考えが分かりやすく伝わるように表現を工夫することができるかどうかをみる</t>
  </si>
  <si>
    <t>「話の順序を入れ替えた方がよい」という助言の意図を説明したものとして適切なものを選択する</t>
  </si>
  <si>
    <t>自分の考えが明確になるように、論理の展開に注意して、話の構成を工夫することができるかどうかをみる</t>
  </si>
  <si>
    <t>２
イ</t>
  </si>
  <si>
    <t>発表のまとめの内容をより分かりやすく伝えるためのスライドの工夫について、どのような助言をするか、自分の考えを書く</t>
  </si>
  <si>
    <t>物語の始めに問いかけが示されていることについて、その効果を説明したものとして適切なものを選択する</t>
  </si>
  <si>
    <t>表現の効果について、根拠を明確にして考えることができるかどうかをみる</t>
  </si>
  <si>
    <t>３二</t>
  </si>
  <si>
    <t>「兄」と「弟」が、物語の中でどのような性格の人物として描かれているかを書く</t>
  </si>
  <si>
    <t>文章全体と部分との関係に注意しながら、登場人物の設定の仕方を捉えることができるかどうかをみる</t>
  </si>
  <si>
    <t>「しきりと」の意味として適切なものを選択する</t>
  </si>
  <si>
    <t>事象や行為を表す語彙について理解しているかどうかをみる</t>
  </si>
  <si>
    <t>３四</t>
  </si>
  <si>
    <t>「一　榎木の実」に書かれている場面が、「二　釣の話」には書かれていないことによる効果について、自分の考えとそのように考えた理由を書く</t>
  </si>
  <si>
    <t>文章の構成や展開について、根拠を明確にして考えることができるかどうかをみる</t>
  </si>
  <si>
    <t>４一</t>
    <phoneticPr fontId="5"/>
  </si>
  <si>
    <t>手紙の下書きを見直し、誤って書かれている漢字を見付けて修正する</t>
  </si>
  <si>
    <t>読み手の立場に立って、表記を確かめて、文章を整えることができるかどうかをみる</t>
  </si>
  <si>
    <t>４二</t>
  </si>
  <si>
    <t>手紙の下書きを見直し、修正した方がよい部分を見付けて修正し、修正した方がよいと考えた理由を書く</t>
  </si>
  <si>
    <t>読み手の立場に立って、語句の用法、叙述の仕方などを確かめて、文章を整えることができるかどうかをみる</t>
  </si>
  <si>
    <t>問題番号</t>
    <rPh sb="0" eb="2">
      <t>モンダイ</t>
    </rPh>
    <rPh sb="2" eb="4">
      <t>バンゴウ</t>
    </rPh>
    <phoneticPr fontId="4"/>
  </si>
  <si>
    <t>問題の概要</t>
    <rPh sb="3" eb="5">
      <t>ガイヨウ</t>
    </rPh>
    <phoneticPr fontId="4"/>
  </si>
  <si>
    <t>学習指導要領の領域</t>
    <rPh sb="0" eb="2">
      <t>ガクシュウ</t>
    </rPh>
    <rPh sb="2" eb="4">
      <t>シドウ</t>
    </rPh>
    <rPh sb="4" eb="6">
      <t>ヨウリョウ</t>
    </rPh>
    <rPh sb="7" eb="9">
      <t>リョウイキ</t>
    </rPh>
    <phoneticPr fontId="4"/>
  </si>
  <si>
    <t>評価の観点</t>
    <rPh sb="0" eb="2">
      <t>ヒョウカ</t>
    </rPh>
    <rPh sb="3" eb="5">
      <t>カンテン</t>
    </rPh>
    <phoneticPr fontId="4"/>
  </si>
  <si>
    <t>問題形式</t>
    <rPh sb="0" eb="2">
      <t>モンダイ</t>
    </rPh>
    <rPh sb="2" eb="4">
      <t>ケイシキ</t>
    </rPh>
    <phoneticPr fontId="4"/>
  </si>
  <si>
    <t>「エネルギー」を柱とする領域</t>
  </si>
  <si>
    <t>「生命」を柱とする領域</t>
  </si>
  <si>
    <t>「地球」を柱とする領域</t>
  </si>
  <si>
    <t>主体的に学習に取り組む態度</t>
    <rPh sb="4" eb="6">
      <t>ガクシュウ</t>
    </rPh>
    <phoneticPr fontId="4"/>
  </si>
  <si>
    <t>電熱線を利用して水を温めるための電気回路について、直列と並列とで回路全体の抵抗が大きい装置や速く水が温まる装置を選択する</t>
    <phoneticPr fontId="4"/>
  </si>
  <si>
    <t>電熱線で水を温める学習場面において、回路の電流・電圧と抵抗や熱量に関する知識及び技能が身に付いているかどうかをみる</t>
    <phoneticPr fontId="4"/>
  </si>
  <si>
    <t>(3)
(ｱ)
㋒</t>
  </si>
  <si>
    <t>「理科の実験では、なぜ水道水ではなく精製水を使うのかな？」という疑問を解決するための課題を記述する</t>
    <phoneticPr fontId="4"/>
  </si>
  <si>
    <t>身の回りの事象から生じた疑問や見いだした問題を解決するための課題を設定できるかどうかをみる</t>
    <phoneticPr fontId="4"/>
  </si>
  <si>
    <t>(2)
(ｱ)
㋐</t>
  </si>
  <si>
    <t>地層１から地層４までの性質から、水が染み出る場所を判断し、その場所を選択する</t>
    <phoneticPr fontId="4"/>
  </si>
  <si>
    <t>露頭のどの位置から水が染み出るかを観察する場面において、小学校で学習した知識を基に、地層に関する知識及び技能を関連付けて、地層を構成する粒の大きさとすき間の大きさに着目して分析して解釈できるかどうかをみる</t>
    <phoneticPr fontId="4"/>
  </si>
  <si>
    <t>生物１から生物４までの動画を見て、呼吸を行う生物をすべて選択する</t>
    <phoneticPr fontId="4"/>
  </si>
  <si>
    <t>水の中の生物を観察する場面において、呼吸を行う生物について問うことで、生命を維持する働きに関する知識が概念として身に付いているかどうかをみる</t>
    <phoneticPr fontId="4"/>
  </si>
  <si>
    <t>(3)
(ｳ)
㋐</t>
  </si>
  <si>
    <t>１（５）</t>
  </si>
  <si>
    <t>塩素の元素記号を記述する</t>
    <phoneticPr fontId="4"/>
  </si>
  <si>
    <t>塩素の元素記号を問うことで、元素を記号で表すことに関する知識及び技能が身に付いているかどうかをみる</t>
    <phoneticPr fontId="4"/>
  </si>
  <si>
    <t>(4)
(ｱ)
㋑</t>
  </si>
  <si>
    <t>１（６）</t>
  </si>
  <si>
    <t>水道水と精製水に関する２人の発表を見て、探究の過程におけるあなたの振り返りを記述する</t>
    <phoneticPr fontId="4"/>
  </si>
  <si>
    <t>科学的な探究を通してまとめたものを他者が発表する学習場面において、探究から生じた新たな疑問や身近な生活との関連などに着目した振り返りを表現できるかどうかをみる</t>
    <phoneticPr fontId="4"/>
  </si>
  <si>
    <t>２（１）</t>
    <phoneticPr fontId="8"/>
  </si>
  <si>
    <t>【考察】をより確かなものにするために必要な実験を選択し、予想される実験の結果を記述する</t>
    <phoneticPr fontId="4"/>
  </si>
  <si>
    <t>【考察】をより確かなものにするために、音に関する知識及び技能を活用して、変える条件に着目した実験を計画し、予想される実験の結果を適切に説明できるかどうかをみる</t>
    <phoneticPr fontId="4"/>
  </si>
  <si>
    <t>(1)
(ｱ)
㋒</t>
  </si>
  <si>
    <t>２（２）</t>
    <phoneticPr fontId="4"/>
  </si>
  <si>
    <t>「Webページの情報だけを信用して考察してよいか」について判断し、その理由として適切なものをすべて選択する</t>
    <phoneticPr fontId="4"/>
  </si>
  <si>
    <t>ストローの太さと音の高低に関する情報を収集してまとめを行う学習活動の場面で、収集する資料や情報の信頼性についての知識及び技能が身に付いているかどうかをみる</t>
    <phoneticPr fontId="4"/>
  </si>
  <si>
    <t>３（１）</t>
    <phoneticPr fontId="8"/>
  </si>
  <si>
    <t>設定した【仮説】が正しい場合の実験結果の予想を選択する</t>
    <phoneticPr fontId="4"/>
  </si>
  <si>
    <t>仮説を立てて科学的に探究する学習場面において、電気回路に関する知識及び技能を活用して、仮説が正しい場合の結果を予想することができるかどうかをみる</t>
    <phoneticPr fontId="4"/>
  </si>
  <si>
    <t>(3)
(ｱ)
㋐</t>
  </si>
  <si>
    <t>３（２）</t>
    <phoneticPr fontId="4"/>
  </si>
  <si>
    <t>抵抗に関する知識を手掛かりに、身近な電気回路に抵抗がついている理由を選択する</t>
    <phoneticPr fontId="4"/>
  </si>
  <si>
    <t>身近な電化製品の電気回路について探究する学習場面において、回路に抵抗がついている理由を問うことで、抵抗に関する知識が概念として身に付いているかどうかをみる</t>
    <phoneticPr fontId="4"/>
  </si>
  <si>
    <t>(3)
(ｱ)
㋑</t>
  </si>
  <si>
    <t>４（１）</t>
    <phoneticPr fontId="8"/>
  </si>
  <si>
    <t>プロパンガスと都市ガスでシャボン玉を作ったときの様子から、プロパンガス、都市ガス、空気の密度の大小を判断し、小さい順に並べる</t>
    <phoneticPr fontId="4"/>
  </si>
  <si>
    <t>ガス警報器の設置場所が異なる理由を考える学習場面において、実験の様子と、密度に関する知識および技能を関連付けて、それぞれの気体の密度の大小関係を分析して解釈できるかどうかをみる</t>
    <phoneticPr fontId="4"/>
  </si>
  <si>
    <t>「一酸化炭素は空気より軽い」という性質を基に、適切な避難行動を選択する</t>
    <phoneticPr fontId="4"/>
  </si>
  <si>
    <t>火災における適切な避難行動を問うことで、気体の性質に関する知識が概念として身に付いているかどうかをみる</t>
    <phoneticPr fontId="4"/>
  </si>
  <si>
    <t>(2)
(ｱ)
㋑</t>
  </si>
  <si>
    <t>５（１）</t>
    <phoneticPr fontId="8"/>
  </si>
  <si>
    <t>加熱を伴う実験において、火傷をしたときの適切な応急処置を選択する</t>
    <phoneticPr fontId="4"/>
  </si>
  <si>
    <t>加熱を伴う実験における実験器具の操作等に関する技能が身に付いているかどうかを見る</t>
    <phoneticPr fontId="4"/>
  </si>
  <si>
    <t>実験の動画と実験結果の図から、どのような化学変化が起きているか判断し、原子や分子のモデルを移動させることで、その化学変化をモデルで表す</t>
    <phoneticPr fontId="4"/>
  </si>
  <si>
    <t>化学変化に関する知識及び技能を活用して、実験の結果を分析して解釈し、化学変化を原子や分子のモデルで表すことができるかどうかをみる</t>
    <phoneticPr fontId="4"/>
  </si>
  <si>
    <t>(4)
(ｲ)
㋐</t>
  </si>
  <si>
    <t>６（１）</t>
    <phoneticPr fontId="8"/>
  </si>
  <si>
    <t>牧野富太郎の「ノジギク」のスケッチから分かるスケッチの技能について、適切なものを選択する</t>
    <phoneticPr fontId="4"/>
  </si>
  <si>
    <t>スケッチから分かることを問うことで、スケッチに関する知識及び技能が身に付いているかどうかをみる</t>
    <phoneticPr fontId="4"/>
  </si>
  <si>
    <t>(1)
(ｱ)
㋐</t>
  </si>
  <si>
    <t>牧野富太郎の「サクユリ」のスケッチから、サクユリの【茎の横断面】、【根】として適切なものを判断し、選択する</t>
    <phoneticPr fontId="4"/>
  </si>
  <si>
    <t>スケッチから分かる植物の特徴を基に、植物の葉、茎、根のつくりに関する知識及び技能を活用して、植物の茎の横断面や根の構造について適切に表現できるかどうかをみる</t>
    <phoneticPr fontId="4"/>
  </si>
  <si>
    <t>(3)
(ｲ)
㋐</t>
  </si>
  <si>
    <t>７（１）</t>
    <phoneticPr fontId="8"/>
  </si>
  <si>
    <t>小腸の柔毛、肺の肺胞、根毛に共通する構造と同じ構造をもつものとして適切な事象を判断し、選択する</t>
    <phoneticPr fontId="4"/>
  </si>
  <si>
    <t>小腸の柔毛、肺の肺胞、根毛に共通する構造について学習する場面において、共通性と多様性の見方を働かせながら比較し、多面的、総合的に分析して解釈することができるかどうかをみる</t>
    <phoneticPr fontId="4"/>
  </si>
  <si>
    <t>７（２）</t>
    <phoneticPr fontId="4"/>
  </si>
  <si>
    <t>消化によってデンプンがブドウ糖に分解されることと、同じ化学変化であるものを選択する</t>
    <phoneticPr fontId="4"/>
  </si>
  <si>
    <t>分解に関する身近な事象を問うことで、これまでに学習した理科の知識及び技能を基に、化学変化の分解の知識が概念として身に付いているかどうかをみる</t>
    <phoneticPr fontId="4"/>
  </si>
  <si>
    <t>(4)
(ｱ)
㋐</t>
  </si>
  <si>
    <t>８（１）</t>
    <phoneticPr fontId="8"/>
  </si>
  <si>
    <t>大地の変化に関する言い伝えを１つ選択し、その選択した言い伝えが科学的に正しいと判断するための理由を「地層を調べたときに何が分かればよいか」に着目して記述する</t>
    <phoneticPr fontId="4"/>
  </si>
  <si>
    <t>地域の言い伝えを科学的に探究する学習場面において、大地の変化と、地層の様子やその構成物に関する知識及び技能を関連付けて、地層の重なり方や広がり方を推定できるかどうかをみる</t>
    <phoneticPr fontId="4"/>
  </si>
  <si>
    <t>(2)
(ｲ)
㋐</t>
  </si>
  <si>
    <t>８（２）</t>
    <phoneticPr fontId="4"/>
  </si>
  <si>
    <t>Aさんの考えを肯定するためにはボーリング地点③の結果がどのようになればよいかを判断し、青色の地層を移動させ、ボーリング地点③の結果をモデルで示す</t>
    <phoneticPr fontId="4"/>
  </si>
  <si>
    <t>大地の変化について、時間的・空間的な見方を働かせて、土地の様子とボーリング調査の結果を関連付けて、地層の広がりを検討して表現できるかどうかをみる</t>
    <phoneticPr fontId="4"/>
  </si>
  <si>
    <t>９（１）</t>
    <phoneticPr fontId="8"/>
  </si>
  <si>
    <t>【予想】から学習した内容が反映されたAさんの【振り返り】を読み、Aさんの【予想】を判断し、選択する</t>
    <phoneticPr fontId="4"/>
  </si>
  <si>
    <t>気圧について科学的に探究する場面において、状態変化や圧力に関する知識及び技能を基に、予想が反映された振り返りについて問うことで、探究の過程の見通しについて分析して解釈できるかどうかをみる</t>
    <phoneticPr fontId="4"/>
  </si>
  <si>
    <t>９（２）</t>
    <phoneticPr fontId="4"/>
  </si>
  <si>
    <t>クリーンルームのほかに気圧を利用している身近な事象を選択する</t>
    <phoneticPr fontId="4"/>
  </si>
  <si>
    <t>気圧に関する身近な事象を問うことで、気圧の知識が概念として身に付いているかどうかをみる</t>
    <phoneticPr fontId="4"/>
  </si>
  <si>
    <t>国語の勉強は得意ですか</t>
  </si>
  <si>
    <t>国語の授業で、先生は、あなたの良いところや、前よりもできるようになったところはどこかを伝えてくれますか</t>
  </si>
  <si>
    <t>国語の授業で、先生は、あなたの学習のうまくできていないところはどこかを伝え、どうしたらうまくできるようになるかを教えてくれますか</t>
  </si>
  <si>
    <t>国語の授業で、目的に応じて、簡単に書いたりくわしく書いたりするなど、自分の考えが伝わるように書き表し方を工夫して文章を書いていますか</t>
  </si>
  <si>
    <t>国語の授業で、目的に応じて説明的な文章を読み、文章と図表などを結び付けるなどして必要な情報を見付けていますか</t>
  </si>
  <si>
    <t>算数の勉強は好きですか</t>
  </si>
  <si>
    <t>算数の勉強は得意ですか</t>
  </si>
  <si>
    <t>算数の授業の内容はよく分かりますか</t>
  </si>
  <si>
    <t>算数の授業で学習したことは、将来、社会に出たときに役に立つと思いますか</t>
  </si>
  <si>
    <t>算数の授業で学習したことを、普段の生活の中で活用できていますか</t>
  </si>
  <si>
    <t>算数の問題の解き方が分からないときは、あきらめずにいろいろな方法を考えますか</t>
  </si>
  <si>
    <t>算数の授業で、どのように考えたのかについて説明する活動をよく行っていますか</t>
  </si>
  <si>
    <t>小数や分数の計算をするとき、工夫して計算しようとしていますか</t>
  </si>
  <si>
    <t>国1</t>
    <rPh sb="0" eb="1">
      <t>コク</t>
    </rPh>
    <phoneticPr fontId="2"/>
  </si>
  <si>
    <t>解答時間は十分でしたか（国語）</t>
    <rPh sb="12" eb="14">
      <t>コクゴ</t>
    </rPh>
    <phoneticPr fontId="2"/>
  </si>
  <si>
    <t>解答時間は十分でしたか（算数）</t>
  </si>
  <si>
    <t>算1</t>
    <rPh sb="0" eb="1">
      <t>サン</t>
    </rPh>
    <phoneticPr fontId="2"/>
  </si>
  <si>
    <t>算2</t>
    <rPh sb="0" eb="1">
      <t>サン</t>
    </rPh>
    <phoneticPr fontId="2"/>
  </si>
  <si>
    <t>質問番号</t>
    <rPh sb="0" eb="2">
      <t>シツモン</t>
    </rPh>
    <rPh sb="2" eb="4">
      <t>バンゴウ</t>
    </rPh>
    <phoneticPr fontId="2"/>
  </si>
  <si>
    <t>質問</t>
    <rPh sb="0" eb="2">
      <t>シツモン</t>
    </rPh>
    <phoneticPr fontId="2"/>
  </si>
  <si>
    <t>県</t>
    <rPh sb="0" eb="1">
      <t>ケン</t>
    </rPh>
    <phoneticPr fontId="2"/>
  </si>
  <si>
    <t>全国</t>
    <rPh sb="0" eb="2">
      <t>ゼンコク</t>
    </rPh>
    <phoneticPr fontId="2"/>
  </si>
  <si>
    <t>あなたの学校</t>
    <rPh sb="4" eb="6">
      <t>ガッコウ</t>
    </rPh>
    <phoneticPr fontId="2"/>
  </si>
  <si>
    <t>理科の勉強は得意ですか</t>
  </si>
  <si>
    <t>理科の勉強は好きですか</t>
  </si>
  <si>
    <t>理科の授業の内容はよく分かりますか</t>
  </si>
  <si>
    <t>理科の授業で学習したことは、将来、社会に出たときに役に立つと思いますか</t>
  </si>
  <si>
    <t>将来、理科や科学技術に関係する職業に就きたいと思いますか</t>
  </si>
  <si>
    <t>理科の授業で学習したことを普段の生活の中で活用できていますか</t>
  </si>
  <si>
    <t>自然の中や日常生活、理科の授業において、理科に関する疑問を持ったり問題を見いだしたりしていますか</t>
  </si>
  <si>
    <t>理科の授業では、観察や実験をよく行っていますか</t>
  </si>
  <si>
    <t>理科の授業では、問題に対して答えがどのようになるのか、自分で予想（仮説）を考えていますか</t>
  </si>
  <si>
    <t>理科の授業で、観察や実験の結果から、どのようなことが分かったのか考えていますか</t>
  </si>
  <si>
    <t>理科の授業で、観察や実験の進め方や考え方が間違っていないかを振り返って考えていますか</t>
  </si>
  <si>
    <t>解答時間は十分でしたか（理科）</t>
  </si>
  <si>
    <t>理1</t>
    <rPh sb="0" eb="1">
      <t>リ</t>
    </rPh>
    <phoneticPr fontId="2"/>
  </si>
  <si>
    <t>理2</t>
    <rPh sb="0" eb="1">
      <t>リ</t>
    </rPh>
    <phoneticPr fontId="2"/>
  </si>
  <si>
    <t>今回の国語の問題では、解答を文章で書く問題がありました。それらの問題について、どのように解答しましたか（努力したと回答）</t>
    <rPh sb="52" eb="54">
      <t>ドリョク</t>
    </rPh>
    <rPh sb="57" eb="59">
      <t>カイトウ</t>
    </rPh>
    <phoneticPr fontId="2"/>
  </si>
  <si>
    <t>今回の算数の問題では、言葉や数、式を使って、わけや求め方などを書く問題がありました。それらの問題について、どのように解答しましたか（努力したと回答）</t>
    <rPh sb="66" eb="68">
      <t>ドリョク</t>
    </rPh>
    <rPh sb="71" eb="73">
      <t>カイトウ</t>
    </rPh>
    <phoneticPr fontId="2"/>
  </si>
  <si>
    <t>今回の理科の問題では、解答を文章などで書く問題がありました。それらの問題について、どのように解答しましたか（努力したと回答）</t>
    <rPh sb="54" eb="56">
      <t>ドリョク</t>
    </rPh>
    <rPh sb="59" eb="61">
      <t>カイトウ</t>
    </rPh>
    <phoneticPr fontId="2"/>
  </si>
  <si>
    <t>国語の授業で、文章を読み、その文章の構成や展開に、どのような効果があるのかについて、根拠を明確にして考えていますか</t>
  </si>
  <si>
    <t>国語の授業で、文章を書いた後に、読み手の立場に立って読み直し、語句の選び方や使い方、文や段落の長さ、語順などが適切かどうかを確かめて文章を整えていますか</t>
  </si>
  <si>
    <t>数学の勉強は得意ですか</t>
    <rPh sb="0" eb="2">
      <t>スウガク</t>
    </rPh>
    <phoneticPr fontId="2"/>
  </si>
  <si>
    <t>数学の勉強は好きですか</t>
    <rPh sb="0" eb="2">
      <t>スウガク</t>
    </rPh>
    <phoneticPr fontId="2"/>
  </si>
  <si>
    <t>数学の授業で学習したことを、普段の生活の中で活用できていますか</t>
    <rPh sb="0" eb="2">
      <t>スウガク</t>
    </rPh>
    <phoneticPr fontId="2"/>
  </si>
  <si>
    <t>数学の問題の解き方が分からないときは、あきらめずにいろいろな方法を考えますか</t>
    <rPh sb="0" eb="2">
      <t>スウガク</t>
    </rPh>
    <phoneticPr fontId="2"/>
  </si>
  <si>
    <t>数学の授業で、どのように考えたのかについて説明する活動をよく行っていますか</t>
    <rPh sb="0" eb="2">
      <t>スウガク</t>
    </rPh>
    <phoneticPr fontId="2"/>
  </si>
  <si>
    <t>文字式を用いた説明や図形の証明を読んで、かかれていることを理解することができますか</t>
  </si>
  <si>
    <t>理科の授業で学習した考え方を普段の生活の中で活用できていますか</t>
  </si>
  <si>
    <t>理科の授業では、自分の予想（仮説）をもとに観察や実験の計画を立てていますか</t>
  </si>
  <si>
    <t>理科の授業で、課題について観察や実験をして調べていく中で、自分や友達の学びが深まったか、あるいは、新たに調べたいことが見つかったか、振り返っていますか</t>
  </si>
  <si>
    <t>中学校　理科</t>
    <rPh sb="0" eb="3">
      <t>チュウガッコウ</t>
    </rPh>
    <rPh sb="4" eb="6">
      <t>リカ</t>
    </rPh>
    <phoneticPr fontId="2"/>
  </si>
  <si>
    <t>問題別集計結果</t>
    <rPh sb="0" eb="2">
      <t>モンダイ</t>
    </rPh>
    <rPh sb="2" eb="3">
      <t>ベツ</t>
    </rPh>
    <rPh sb="3" eb="5">
      <t>シュウケイ</t>
    </rPh>
    <rPh sb="5" eb="7">
      <t>ケッカ</t>
    </rPh>
    <phoneticPr fontId="2"/>
  </si>
  <si>
    <t>【調査問題の内容】
学習指導要領における第１分野の「エネルギー」を柱とする領域と「粒子」を柱とする領域、第２分野の「生命」を柱とする領域と「地球」を柱とする領域からバランスよく出題することとした。調査問題作成の枠組みについては、「知識」、「技能」、「分析・解釈」、「構想」、「検討・改善」の視点から整理した。なお、第２学年までの内容としている。</t>
    <rPh sb="1" eb="3">
      <t>チョウサ</t>
    </rPh>
    <rPh sb="3" eb="5">
      <t>モンダイ</t>
    </rPh>
    <rPh sb="6" eb="8">
      <t>ナイヨウ</t>
    </rPh>
    <rPh sb="100" eb="102">
      <t>モンダイ</t>
    </rPh>
    <phoneticPr fontId="2"/>
  </si>
  <si>
    <t>小学校　国語</t>
    <rPh sb="0" eb="3">
      <t>ショウガッコウ</t>
    </rPh>
    <rPh sb="4" eb="6">
      <t>コクゴ</t>
    </rPh>
    <phoneticPr fontId="2"/>
  </si>
  <si>
    <t>小学校　算数</t>
    <rPh sb="0" eb="3">
      <t>ショウガッコウ</t>
    </rPh>
    <rPh sb="4" eb="6">
      <t>サンスウ</t>
    </rPh>
    <phoneticPr fontId="2"/>
  </si>
  <si>
    <t>小学校　理科</t>
    <rPh sb="0" eb="3">
      <t>ショウガッコウ</t>
    </rPh>
    <rPh sb="4" eb="6">
      <t>リカ</t>
    </rPh>
    <phoneticPr fontId="2"/>
  </si>
  <si>
    <t>中学校　国語</t>
    <rPh sb="0" eb="3">
      <t>チュウガッコウ</t>
    </rPh>
    <rPh sb="4" eb="6">
      <t>コクゴ</t>
    </rPh>
    <phoneticPr fontId="2"/>
  </si>
  <si>
    <t>中学校　数学</t>
    <rPh sb="0" eb="3">
      <t>チュウガッコウ</t>
    </rPh>
    <rPh sb="4" eb="6">
      <t>スウガク</t>
    </rPh>
    <phoneticPr fontId="2"/>
  </si>
  <si>
    <t>【調査問題の内容】
学習指導要領に示されている〔知識及び技能〕、〔思考力、判断力、表現力等〕の内容に基づき、全体を視野に入れながら中心的に取り上げるものを精選して出題している。なお、小学校第５学年までの内容となるようにしている。</t>
    <rPh sb="1" eb="3">
      <t>チョウサ</t>
    </rPh>
    <rPh sb="3" eb="5">
      <t>モンダイ</t>
    </rPh>
    <rPh sb="6" eb="8">
      <t>ナイヨウ</t>
    </rPh>
    <phoneticPr fontId="2"/>
  </si>
  <si>
    <t>【調査問題の内容】
学習指導要領における、「数と計算」、「図形」、「測定」、「変化と関係」、「データの活用」の各領域に示された指導内容をバランスよく出題している。なお、小学校第５学年までの内容となるようにしている。</t>
    <rPh sb="1" eb="3">
      <t>チョウサ</t>
    </rPh>
    <rPh sb="3" eb="5">
      <t>モンダイ</t>
    </rPh>
    <rPh sb="6" eb="8">
      <t>ナイヨウ</t>
    </rPh>
    <phoneticPr fontId="2"/>
  </si>
  <si>
    <t>【調査問題の内容】
学習指導要領に示された目標及び内容に基づき、「Ａ物質・エネルギー」、「Ｂ生命・地球」の二つの内容区分から、バランスよく出題している。なお、小学校第５学年までの内容となるようにしている。</t>
    <rPh sb="1" eb="3">
      <t>チョウサ</t>
    </rPh>
    <rPh sb="3" eb="5">
      <t>モンダイ</t>
    </rPh>
    <rPh sb="6" eb="8">
      <t>ナイヨウ</t>
    </rPh>
    <phoneticPr fontId="2"/>
  </si>
  <si>
    <t>【調査問題の内容】
学習指導要領に示されている〔知識及び技能〕、〔思考力、判断力、表現力等〕の内容に基づいて、その全体を視野に入れながら、中心的に取り上げるものを精選して出題している。なお、中学校第２学年までの内容となるようにしている。</t>
    <rPh sb="1" eb="3">
      <t>チョウサ</t>
    </rPh>
    <rPh sb="3" eb="5">
      <t>モンダイ</t>
    </rPh>
    <rPh sb="6" eb="8">
      <t>ナイヨウ</t>
    </rPh>
    <phoneticPr fontId="2"/>
  </si>
  <si>
    <t>【調査問題の内容】
学習指導要領における、「数と式」、「図形」、「関数」、「データの活用」の各領域に示された指導内容をバランスよく出題している。なお、中学校第２学年までの内容となるようにしている。</t>
    <rPh sb="1" eb="3">
      <t>チョウサ</t>
    </rPh>
    <rPh sb="3" eb="5">
      <t>モンダイ</t>
    </rPh>
    <rPh sb="6" eb="8">
      <t>ナイヨウ</t>
    </rPh>
    <phoneticPr fontId="2"/>
  </si>
  <si>
    <t>問題別集計結果</t>
    <rPh sb="0" eb="2">
      <t>モンダイ</t>
    </rPh>
    <rPh sb="2" eb="3">
      <t>ベツ</t>
    </rPh>
    <rPh sb="3" eb="7">
      <t>シュウケイケッカ</t>
    </rPh>
    <phoneticPr fontId="2"/>
  </si>
  <si>
    <t>問題別集計結果</t>
    <rPh sb="0" eb="7">
      <t>モンダイベツシュウケイケッカ</t>
    </rPh>
    <phoneticPr fontId="2"/>
  </si>
  <si>
    <t>【資料１】を読み返して言葉の変化について自分が納得したことを、【資料２】、【資料３】、【資料４】に書かれていることを理由にしてまとめて書く</t>
    <phoneticPr fontId="2"/>
  </si>
  <si>
    <t>【話し合いの様子】の田中さんの発言の空欄Ａに当てはまる内容として適切なものを選択する</t>
    <phoneticPr fontId="2"/>
  </si>
  <si>
    <t>【資料３】を読み、【木村さんのメモ】の空欄イに当てはまる内容として適切なものを選択する</t>
    <phoneticPr fontId="2"/>
  </si>
  <si>
    <t>【木村さんのメモ】の空欄アに入る適切な言葉を【資料２】の中から書き抜く</t>
    <phoneticPr fontId="2"/>
  </si>
  <si>
    <t>【ちらし】の文章の構成の工夫を説明したものとして適切なものを選択する</t>
    <phoneticPr fontId="2"/>
  </si>
  <si>
    <t>【インタビューの様子の一部】で小森さんが傍線部イのように発言した理由として適切なものを選択する</t>
    <phoneticPr fontId="2"/>
  </si>
  <si>
    <t>【インタビューの様子の一部】で小森さんが傍線部アのように発言した目的として適切なものを選択する</t>
    <phoneticPr fontId="2"/>
  </si>
  <si>
    <t>【話し合いの記録】の書き表し方を説明したものとして適切なものを選択する</t>
    <phoneticPr fontId="2"/>
  </si>
  <si>
    <t>【話し合いの様子】における小森さんの傍線部の発言を説明したものとして適切なものを選択する</t>
    <phoneticPr fontId="2"/>
  </si>
  <si>
    <t>目的や意図に応じて、日常生活の中から話題を決め、集めた材料を分類したり関係付けたりして、伝え合う内容を検討することができるかどうかをみる</t>
    <phoneticPr fontId="2"/>
  </si>
  <si>
    <t>情報と情報との関係付けの仕方、図などによる語句と語句との関係の表し方を理解し使うことができるかどうかをみる</t>
    <phoneticPr fontId="2"/>
  </si>
  <si>
    <t>自分が聞こうとする意図に応じて、話の内容を捉えることができるかどうかをみる</t>
    <phoneticPr fontId="2"/>
  </si>
  <si>
    <t>話し手の考えと比較しながら、自分の考えをまとめることができるかどうかをみる</t>
    <phoneticPr fontId="2"/>
  </si>
  <si>
    <t>図表などを用いて、自分の考えが伝わるように書き表し方を工夫することができるかどうかをみる</t>
    <phoneticPr fontId="2"/>
  </si>
  <si>
    <t>目的や意図に応じて簡単に書いたり詳しく書いたりするなど、自分の考えが伝わるように書き表し方を工夫することができるかどうかをみる</t>
    <phoneticPr fontId="2"/>
  </si>
  <si>
    <t>学年別漢字配当表に示されている漢字を文の中で正しく使うことができるかどうかをみる</t>
    <phoneticPr fontId="2"/>
  </si>
  <si>
    <t>時間の経過による言葉の変化や世代による言葉の違いに気付くことができるかどうかをみる</t>
    <phoneticPr fontId="2"/>
  </si>
  <si>
    <t>時間的な順序や事柄の順序などを考えながら、内容の大体を捉えることができるかどうかをみる</t>
    <phoneticPr fontId="2"/>
  </si>
  <si>
    <t>事実と感想、意見などとの関係を叙述を基に押さえ、文章全体の構成を捉えて要旨を把握することができるかどうかをみる</t>
    <phoneticPr fontId="2"/>
  </si>
  <si>
    <t>目的に応じて、文章と図表などを結び付けるなどして必要な情報を見付けることができるかどうかをみる</t>
    <phoneticPr fontId="2"/>
  </si>
  <si>
    <t>２０２２年の全国のブロッコリーの出荷量が２００２年の全国のブロッコリーの出荷量の約何倍かを、棒グラフから読み取って選ぶ</t>
    <phoneticPr fontId="2"/>
  </si>
  <si>
    <t>都道府県Ａのブロッコリーの出荷量が増えたかどうかを調べるために、適切なグラフを選び、出荷量の増減を判断し、そのわけを書く</t>
    <phoneticPr fontId="2"/>
  </si>
  <si>
    <t>示された表から、「春だいこん」や「秋冬だいこん」より「夏だいこん」の出荷量が多い都道府県を選ぶ</t>
    <phoneticPr fontId="2"/>
  </si>
  <si>
    <t>示された資料から、必要な情報を選び、ピーマン１個とブロッコリー４個の重さを求める式と答えを書く</t>
    <phoneticPr fontId="2"/>
  </si>
  <si>
    <t>示された平行四辺形をかくために、コンパスの開く長さを書き、コンパスの針を刺す場所を選ぶ</t>
    <phoneticPr fontId="2"/>
  </si>
  <si>
    <t>方眼上の五つの図形の中から、台形を選ぶ</t>
    <phoneticPr fontId="2"/>
  </si>
  <si>
    <t>角をつくる二つの辺をそれぞれのばした図形の角の大きさについてわかることを選ぶ</t>
    <phoneticPr fontId="2"/>
  </si>
  <si>
    <t>五角形の面積を求めるために五角形を二つの図形に分割し、それぞれの図形の面積の求め方を書く</t>
    <phoneticPr fontId="2"/>
  </si>
  <si>
    <t>０．４＋０．０５について、整数の加法で考えるときの共通する単位を書く</t>
    <phoneticPr fontId="2"/>
  </si>
  <si>
    <t>３／４＋２／３について、共通する単位分数と、３／４と２／３が、共通する単位分数の幾つ分になるかを書く</t>
    <phoneticPr fontId="2"/>
  </si>
  <si>
    <t>新品のハンドソープが空になるまでに何プッシュすることができるのかを調べるために、必要な事柄を選ぶ</t>
    <phoneticPr fontId="2"/>
  </si>
  <si>
    <t>使いかけのハンドソープがあと何プッシュすることができるのかを調べるために、必要な事柄を判断し、求め方を書く</t>
    <phoneticPr fontId="2"/>
  </si>
  <si>
    <t>はかりが示された場面で、はかりの目盛りを読む</t>
    <phoneticPr fontId="2"/>
  </si>
  <si>
    <t>１０％増量したつめかえ用のハンドソープの内容量が、増量前の何倍かを選ぶ</t>
    <phoneticPr fontId="2"/>
  </si>
  <si>
    <t>棒グラフから、項目間の関係を読み取ることができるかどうかをみる</t>
    <phoneticPr fontId="2"/>
  </si>
  <si>
    <t>目的に応じて適切なグラフを選択して出荷量の増減を判断し、その理由を言葉や数を用いて記述できるかどうかをみる</t>
    <phoneticPr fontId="2"/>
  </si>
  <si>
    <t>簡単な二次元の表から、条件に合った項目を選ぶことができるかどうかをみる</t>
    <phoneticPr fontId="2"/>
  </si>
  <si>
    <t>示された資料から、必要な情報を選び、数量の関係を式に表し、計算することができるかどうかをみる</t>
    <phoneticPr fontId="2"/>
  </si>
  <si>
    <t>平行四辺形の性質を基に、コンパスを用いて平行四辺形を作図することができるかどうかをみる</t>
    <phoneticPr fontId="2"/>
  </si>
  <si>
    <t>台形の意味や性質について理解しているかどうかをみる</t>
    <phoneticPr fontId="2"/>
  </si>
  <si>
    <t>基本図形に分割することができる図形の面積の求め方を、式や言葉を用いて記述できるかどうかをみる</t>
    <phoneticPr fontId="2"/>
  </si>
  <si>
    <t>小数の加法について、数の相対的な大きさを用いて、共通する単位を捉えることができるかどうかをみる</t>
    <phoneticPr fontId="2"/>
  </si>
  <si>
    <t>分数の加法について、共通する単位分数を見いだし、加数と被加数が、共通する単位分数の幾つ分かを数や言葉を用いて記述できるかどうかをみる</t>
    <phoneticPr fontId="2"/>
  </si>
  <si>
    <t>数直線上で、１の目盛りに着目し、分数を単位分数の幾つ分として捉えることができるかどうかをみる</t>
    <phoneticPr fontId="2"/>
  </si>
  <si>
    <t>異分母の分数の加法の計算をすることができるかどうかをみる</t>
    <phoneticPr fontId="2"/>
  </si>
  <si>
    <t>伴って変わる二つの数量の関係に着目し、必要な数量を見いだすことができるかどうかをみる</t>
    <phoneticPr fontId="2"/>
  </si>
  <si>
    <t>伴って変わる二つの数量の関係に着目し、問題を解決するために必要な数量を見いだし、知りたい数量の大きさの求め方を式や言葉を用いて記述できるかどうかをみる</t>
    <phoneticPr fontId="2"/>
  </si>
  <si>
    <t>はかりの目盛りを読むことができるかどうかをみる</t>
    <phoneticPr fontId="2"/>
  </si>
  <si>
    <t>「１０％増量」の意味を解釈し、「増量後の量」が「増量前の量」の何倍になっているかを表すことができるかどうかをみる</t>
    <phoneticPr fontId="2"/>
  </si>
  <si>
    <t>赤玉土の粒の大きさによる水のしみ込む時間の違いを調べる実験の条件について、コップＡの土の量と水の量から、コップＢの条件を書く</t>
    <phoneticPr fontId="2"/>
  </si>
  <si>
    <t>赤玉土の粒の大きさによる水のしみ込み方の違いをまとめたわけについて、結果を用いて書く</t>
    <phoneticPr fontId="2"/>
  </si>
  <si>
    <t>【結果】や【問題に対するまとめ】から、中くらいの粒の赤玉土に水がしみ込む時間を予想し、予想した理由とともに選ぶ</t>
    <phoneticPr fontId="2"/>
  </si>
  <si>
    <t>アルミニウム、鉄、銅について、電気を通すか、磁石に引き付けられるか、それぞれの性質に当てはまるものを選ぶ</t>
    <phoneticPr fontId="2"/>
  </si>
  <si>
    <t>電気を通す物と通さない物でできた人形について、人形Ａの剣を人形Ｂに当てたときだけ、ベルが鳴る回路を選ぶ</t>
    <phoneticPr fontId="2"/>
  </si>
  <si>
    <t>ベルをたたく装置の電磁石について、電流がつくる磁力を強めるため、コイルの巻数の変え方を書く</t>
    <phoneticPr fontId="2"/>
  </si>
  <si>
    <t>乾電池２個のつなぎ方について、直列につなぎ、電磁石を強くできるものを選ぶ</t>
    <phoneticPr fontId="2"/>
  </si>
  <si>
    <t>ヘチマの花のおしべとめしべについて選び、受粉について書く</t>
    <phoneticPr fontId="2"/>
  </si>
  <si>
    <t>ヘチマの花粉を顕微鏡で観察するとき、適切な像にするための顕微鏡の操作を選ぶ</t>
    <phoneticPr fontId="2"/>
  </si>
  <si>
    <t>ヘチマの種子が発芽する条件を調べる実験において、条件を制御した解決の方法を選ぶ</t>
    <phoneticPr fontId="2"/>
  </si>
  <si>
    <t>レタスの種子の発芽の結果から、てるみさんの気付きを基に、見いだした問題について書く</t>
    <phoneticPr fontId="2"/>
  </si>
  <si>
    <t>水の温まり方について、問題に対するまとめをいうために、調べる必要があることについて書く</t>
    <phoneticPr fontId="2"/>
  </si>
  <si>
    <t>水の蒸発について、温度によって水の状態が変化するという知識と関連付け、適切に説明しているものを選ぶ</t>
    <phoneticPr fontId="2"/>
  </si>
  <si>
    <t>水の結露について、温度によって水の状態が変化するという知識と関連付け、適切に説明しているものを選ぶ</t>
    <phoneticPr fontId="2"/>
  </si>
  <si>
    <t>海にある氷がとけることについて、水が氷に変わる温度を根拠に予想しているものを選ぶ</t>
    <phoneticPr fontId="2"/>
  </si>
  <si>
    <t>水が陸から海へ流れていくことについて、水の行方と関連付けているものを選ぶ</t>
    <phoneticPr fontId="2"/>
  </si>
  <si>
    <t>海面水位の上昇について、水の温度による体積の変化を根拠に予想しているものを選ぶ</t>
    <phoneticPr fontId="2"/>
  </si>
  <si>
    <t>赤玉土の粒の大きさによる水のしみ込み方の違いについて、赤玉土の量と水の量を正しく設定した実験の方法を発想し、表現することができるかどうかをみる</t>
    <phoneticPr fontId="2"/>
  </si>
  <si>
    <t>赤玉土の粒の大きさによる水のしみ込み方の違いについて、結果を基に結論を導いた理由を表現することができるかどうかをみる</t>
    <phoneticPr fontId="2"/>
  </si>
  <si>
    <t>赤玉土の粒の大きさによる水のしみ込み方の違いについて、【結果】や【問題に対するまとめ】を基に、他の条件での結果を予想して、表現することができるかどうかをみる</t>
    <phoneticPr fontId="2"/>
  </si>
  <si>
    <t>身の回りの金属について、電気を通す物、磁石に引き付けられる物があることの知識が身に付いているかどうかをみる</t>
    <phoneticPr fontId="2"/>
  </si>
  <si>
    <t>電気の回路のつくり方について、実験の方法を発想し、表現することができるかどうかをみる</t>
    <phoneticPr fontId="2"/>
  </si>
  <si>
    <t>電流がつくる磁力について、電磁石の強さは巻数によって変わることの知識が身に付いているかどうかをみる</t>
    <phoneticPr fontId="2"/>
  </si>
  <si>
    <t>乾電池のつなぎ方について、直列つなぎに関する知識が身に付いているかどうかをみる</t>
    <phoneticPr fontId="2"/>
  </si>
  <si>
    <t>ヘチマの花のつくりや受粉についての知識が身に付いているかどうかをみる</t>
    <phoneticPr fontId="2"/>
  </si>
  <si>
    <t>顕微鏡を操作し、適切な像にするための技能が身に付いているかどうかをみる</t>
    <phoneticPr fontId="2"/>
  </si>
  <si>
    <t>発芽するために必要な条件について、実験の条件を制御した解決の方法を発想し、表現することができるかどうかをみる</t>
    <phoneticPr fontId="2"/>
  </si>
  <si>
    <t>レタスの種子の発芽の条件について、差異点や共通点を基に、新たな問題を見いだし、表現することができるかどうかをみる</t>
    <phoneticPr fontId="2"/>
  </si>
  <si>
    <t>水の温まり方について、問題に対するまとめを導きだす際、解決するための観察、実験の方法が適切であったかを検討し、表現することができるかどうかをみる</t>
    <phoneticPr fontId="2"/>
  </si>
  <si>
    <t>水の蒸発について、温度によって水の状態が変化するという知識を基に、概念的に理解しているかどうかをみる</t>
    <phoneticPr fontId="2"/>
  </si>
  <si>
    <t>水の結露について、温度によって水の状態が変化するという知識を基に、概念的に理解しているかどうかをみる</t>
    <phoneticPr fontId="2"/>
  </si>
  <si>
    <t>水が氷に変わる温度を根拠に、オホーツク海の氷の面積が減少した理由を予想し、表現することができるかどうかをみる</t>
    <phoneticPr fontId="2"/>
  </si>
  <si>
    <t>氷がとけてできた水が海に流れていくことの根拠について、理科で学習したことと関連付けて、知識を概念的に理解しているかどうかをみる</t>
    <phoneticPr fontId="2"/>
  </si>
  <si>
    <t>「水は温まると体積が増える」を根拠に、海面水位の上昇した理由を予想し、表現することができるかどうかをみる</t>
    <phoneticPr fontId="2"/>
  </si>
  <si>
    <t>文脈に即して漢字を正しく使うことができるかどうかをみる</t>
    <phoneticPr fontId="2"/>
  </si>
  <si>
    <t>書く内容の中心を明確にし、内容のまとまりで段落をつくったり、段落相互の関係に注意したりして、文章の構成を考えることができるかどうかをみる</t>
    <phoneticPr fontId="2"/>
  </si>
  <si>
    <t>山田さんが手ぬぐいの模様について言葉と図で説明した理由として適切なものを選択する</t>
    <phoneticPr fontId="2"/>
  </si>
  <si>
    <t>【ちらし】の二重傍線部を、【調べたこと】を基に詳しく書く</t>
    <phoneticPr fontId="2"/>
  </si>
  <si>
    <t>【資料１】を読んで思い出した【木村さんの経験】を通して、木村さんが気付いたこととして適切なものを選択する</t>
    <phoneticPr fontId="2"/>
  </si>
  <si>
    <t>数1</t>
    <rPh sb="0" eb="1">
      <t>カズ</t>
    </rPh>
    <phoneticPr fontId="2"/>
  </si>
  <si>
    <t>数2</t>
    <rPh sb="0" eb="1">
      <t>カズ</t>
    </rPh>
    <phoneticPr fontId="2"/>
  </si>
  <si>
    <t>今回の数学の問題では、解答を言葉や数、式を使って説明する問題がありました。それらの問題について、どのように解答しましたか（努力したと回答）</t>
    <rPh sb="61" eb="63">
      <t>ドリョク</t>
    </rPh>
    <rPh sb="66" eb="68">
      <t>カイトウ</t>
    </rPh>
    <phoneticPr fontId="2"/>
  </si>
  <si>
    <t>解答時間は十分でしたか（数学）</t>
    <rPh sb="12" eb="14">
      <t>スウガク</t>
    </rPh>
    <phoneticPr fontId="2"/>
  </si>
  <si>
    <r>
      <t>【ちらし】の下線部アを、漢字を使って書き直す（</t>
    </r>
    <r>
      <rPr>
        <u/>
        <sz val="12"/>
        <rFont val="ＭＳ 明朝"/>
        <family val="1"/>
        <charset val="128"/>
      </rPr>
      <t>この</t>
    </r>
    <r>
      <rPr>
        <sz val="12"/>
        <rFont val="ＭＳ 明朝"/>
        <family val="1"/>
        <charset val="128"/>
      </rPr>
      <t>み）</t>
    </r>
    <phoneticPr fontId="5"/>
  </si>
  <si>
    <r>
      <t>【ちらし】の下線部イを、漢字を使って書き直す（</t>
    </r>
    <r>
      <rPr>
        <u/>
        <sz val="12"/>
        <rFont val="ＭＳ 明朝"/>
        <family val="1"/>
        <charset val="128"/>
      </rPr>
      <t>あつ</t>
    </r>
    <r>
      <rPr>
        <sz val="12"/>
        <rFont val="ＭＳ 明朝"/>
        <family val="1"/>
        <charset val="128"/>
      </rPr>
      <t>い日）</t>
    </r>
    <phoneticPr fontId="5"/>
  </si>
  <si>
    <r>
      <t>変換した漢字として適切なものを選択する（</t>
    </r>
    <r>
      <rPr>
        <u/>
        <sz val="12"/>
        <rFont val="ＭＳ 明朝"/>
        <family val="1"/>
        <charset val="128"/>
      </rPr>
      <t>かいしん</t>
    </r>
    <r>
      <rPr>
        <sz val="12"/>
        <rFont val="ＭＳ 明朝"/>
        <family val="1"/>
        <charset val="128"/>
      </rPr>
      <t>）</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_ "/>
    <numFmt numFmtId="177" formatCode="0.0_);[Red]\(0.0\)"/>
  </numFmts>
  <fonts count="32" x14ac:knownFonts="1">
    <font>
      <sz val="12"/>
      <color theme="1"/>
      <name val="ＭＳ 明朝"/>
      <family val="2"/>
      <charset val="128"/>
    </font>
    <font>
      <sz val="11"/>
      <name val="ＭＳ Ｐゴシック"/>
      <family val="3"/>
    </font>
    <font>
      <sz val="6"/>
      <name val="ＭＳ 明朝"/>
      <family val="2"/>
      <charset val="128"/>
    </font>
    <font>
      <sz val="11"/>
      <name val="ＭＳ ゴシック"/>
      <family val="3"/>
    </font>
    <font>
      <sz val="6"/>
      <name val="ＭＳ Ｐゴシック"/>
      <family val="3"/>
      <charset val="128"/>
    </font>
    <font>
      <b/>
      <sz val="14"/>
      <color indexed="9"/>
      <name val="ＭＳ Ｐゴシック"/>
      <family val="3"/>
    </font>
    <font>
      <sz val="11"/>
      <name val="ＭＳ Ｐゴシック"/>
      <family val="3"/>
      <charset val="128"/>
    </font>
    <font>
      <sz val="13"/>
      <name val="ＭＳ 明朝"/>
      <family val="1"/>
      <charset val="128"/>
    </font>
    <font>
      <sz val="6"/>
      <name val="游ゴシック"/>
      <family val="2"/>
      <charset val="128"/>
      <scheme val="minor"/>
    </font>
    <font>
      <sz val="11"/>
      <color theme="1"/>
      <name val="游ゴシック"/>
      <family val="2"/>
      <charset val="128"/>
      <scheme val="minor"/>
    </font>
    <font>
      <b/>
      <sz val="16"/>
      <color indexed="9"/>
      <name val="ＭＳ Ｐゴシック"/>
      <family val="3"/>
    </font>
    <font>
      <sz val="12"/>
      <name val="ＭＳ 明朝"/>
      <family val="1"/>
      <charset val="128"/>
    </font>
    <font>
      <sz val="14"/>
      <color theme="1"/>
      <name val="ＭＳ 明朝"/>
      <family val="2"/>
      <charset val="128"/>
    </font>
    <font>
      <sz val="14"/>
      <color theme="1"/>
      <name val="ＭＳ 明朝"/>
      <family val="1"/>
      <charset val="128"/>
    </font>
    <font>
      <sz val="16"/>
      <color theme="1"/>
      <name val="ＭＳ 明朝"/>
      <family val="2"/>
      <charset val="128"/>
    </font>
    <font>
      <sz val="16"/>
      <color theme="1"/>
      <name val="ＭＳ 明朝"/>
      <family val="1"/>
      <charset val="128"/>
    </font>
    <font>
      <b/>
      <sz val="26"/>
      <color theme="1"/>
      <name val="ＭＳ 明朝"/>
      <family val="1"/>
      <charset val="128"/>
    </font>
    <font>
      <sz val="12"/>
      <name val="ＭＳ Ｐゴシック"/>
      <family val="3"/>
    </font>
    <font>
      <sz val="14"/>
      <name val="ＭＳ 明朝"/>
      <family val="1"/>
      <charset val="128"/>
    </font>
    <font>
      <sz val="18"/>
      <color theme="1"/>
      <name val="ＭＳ 明朝"/>
      <family val="2"/>
      <charset val="128"/>
    </font>
    <font>
      <sz val="18"/>
      <color theme="1"/>
      <name val="ＭＳ 明朝"/>
      <family val="1"/>
      <charset val="128"/>
    </font>
    <font>
      <sz val="16"/>
      <name val="ＭＳ 明朝"/>
      <family val="1"/>
      <charset val="128"/>
    </font>
    <font>
      <b/>
      <sz val="36"/>
      <color theme="1"/>
      <name val="ＭＳ 明朝"/>
      <family val="1"/>
      <charset val="128"/>
    </font>
    <font>
      <sz val="20"/>
      <color theme="1"/>
      <name val="ＭＳ 明朝"/>
      <family val="2"/>
      <charset val="128"/>
    </font>
    <font>
      <sz val="12"/>
      <color theme="1"/>
      <name val="ＭＳ 明朝"/>
      <family val="1"/>
      <charset val="128"/>
    </font>
    <font>
      <sz val="11"/>
      <name val="ＭＳ 明朝"/>
      <family val="1"/>
      <charset val="128"/>
    </font>
    <font>
      <sz val="12"/>
      <color indexed="8"/>
      <name val="ＭＳ 明朝"/>
      <family val="1"/>
      <charset val="128"/>
    </font>
    <font>
      <u/>
      <sz val="12"/>
      <name val="ＭＳ 明朝"/>
      <family val="1"/>
      <charset val="128"/>
    </font>
    <font>
      <sz val="14"/>
      <color indexed="8"/>
      <name val="ＭＳ 明朝"/>
      <family val="1"/>
      <charset val="128"/>
    </font>
    <font>
      <sz val="11"/>
      <color indexed="8"/>
      <name val="ＭＳ 明朝"/>
      <family val="1"/>
      <charset val="128"/>
    </font>
    <font>
      <sz val="10"/>
      <name val="ＭＳ 明朝"/>
      <family val="1"/>
      <charset val="128"/>
    </font>
    <font>
      <sz val="16"/>
      <color indexed="8"/>
      <name val="ＭＳ 明朝"/>
      <family val="1"/>
      <charset val="128"/>
    </font>
  </fonts>
  <fills count="4">
    <fill>
      <patternFill patternType="none"/>
    </fill>
    <fill>
      <patternFill patternType="gray125"/>
    </fill>
    <fill>
      <patternFill patternType="solid">
        <fgColor theme="7" tint="0.79998168889431442"/>
        <bgColor indexed="64"/>
      </patternFill>
    </fill>
    <fill>
      <patternFill patternType="solid">
        <fgColor rgb="FFFFFFFF"/>
        <bgColor indexed="64"/>
      </patternFill>
    </fill>
  </fills>
  <borders count="36">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style="hair">
        <color indexed="64"/>
      </top>
      <bottom style="hair">
        <color indexed="64"/>
      </bottom>
      <diagonal/>
    </border>
    <border>
      <left style="medium">
        <color indexed="64"/>
      </left>
      <right style="medium">
        <color indexed="64"/>
      </right>
      <top style="thin">
        <color indexed="64"/>
      </top>
      <bottom style="medium">
        <color indexed="64"/>
      </bottom>
      <diagonal/>
    </border>
    <border>
      <left style="thin">
        <color indexed="64"/>
      </left>
      <right/>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style="thin">
        <color indexed="64"/>
      </bottom>
      <diagonal/>
    </border>
    <border>
      <left/>
      <right style="hair">
        <color auto="1"/>
      </right>
      <top/>
      <bottom style="thin">
        <color auto="1"/>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top style="thin">
        <color indexed="64"/>
      </top>
      <bottom/>
      <diagonal/>
    </border>
    <border>
      <left style="thin">
        <color indexed="64"/>
      </left>
      <right style="hair">
        <color indexed="64"/>
      </right>
      <top style="thin">
        <color indexed="64"/>
      </top>
      <bottom/>
      <diagonal/>
    </border>
    <border>
      <left style="medium">
        <color indexed="64"/>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s>
  <cellStyleXfs count="4">
    <xf numFmtId="0" fontId="0" fillId="0" borderId="0">
      <alignment vertical="center"/>
    </xf>
    <xf numFmtId="0" fontId="6" fillId="0" borderId="0">
      <alignment vertical="center"/>
    </xf>
    <xf numFmtId="0" fontId="9" fillId="0" borderId="0">
      <alignment vertical="center"/>
    </xf>
    <xf numFmtId="0" fontId="6" fillId="0" borderId="0">
      <alignment vertical="center"/>
    </xf>
  </cellStyleXfs>
  <cellXfs count="339">
    <xf numFmtId="0" fontId="0" fillId="0" borderId="0" xfId="0">
      <alignment vertical="center"/>
    </xf>
    <xf numFmtId="0" fontId="1" fillId="0" borderId="0" xfId="0" applyFont="1">
      <alignment vertical="center"/>
    </xf>
    <xf numFmtId="0" fontId="3" fillId="0" borderId="0" xfId="0" applyFont="1" applyBorder="1" applyAlignment="1">
      <alignment horizontal="center" vertical="center"/>
    </xf>
    <xf numFmtId="0" fontId="0" fillId="0" borderId="0" xfId="0" applyAlignment="1">
      <alignment horizontal="center" vertical="center"/>
    </xf>
    <xf numFmtId="0" fontId="0" fillId="0" borderId="0" xfId="0" applyAlignment="1">
      <alignment vertical="center" wrapText="1"/>
    </xf>
    <xf numFmtId="177" fontId="0" fillId="0" borderId="0" xfId="0" applyNumberFormat="1" applyAlignment="1">
      <alignment horizontal="center" vertical="center"/>
    </xf>
    <xf numFmtId="0" fontId="3" fillId="0" borderId="0" xfId="0" applyFont="1" applyFill="1" applyBorder="1" applyAlignment="1">
      <alignment horizontal="center" vertical="top" textRotation="255" wrapText="1"/>
    </xf>
    <xf numFmtId="176" fontId="7" fillId="0" borderId="0" xfId="0" applyNumberFormat="1" applyFont="1" applyFill="1" applyBorder="1" applyAlignment="1">
      <alignment horizontal="right" vertical="center" shrinkToFit="1"/>
    </xf>
    <xf numFmtId="176" fontId="11" fillId="0" borderId="6" xfId="0" applyNumberFormat="1" applyFont="1" applyFill="1" applyBorder="1" applyAlignment="1">
      <alignment horizontal="right" vertical="center" shrinkToFit="1"/>
    </xf>
    <xf numFmtId="176" fontId="11" fillId="0" borderId="4" xfId="0" applyNumberFormat="1" applyFont="1" applyFill="1" applyBorder="1" applyAlignment="1">
      <alignment horizontal="right" vertical="center" shrinkToFit="1"/>
    </xf>
    <xf numFmtId="176" fontId="11" fillId="2" borderId="19" xfId="0" applyNumberFormat="1" applyFont="1" applyFill="1" applyBorder="1" applyAlignment="1">
      <alignment horizontal="right" vertical="center" shrinkToFit="1"/>
    </xf>
    <xf numFmtId="176" fontId="11" fillId="2" borderId="21" xfId="0" applyNumberFormat="1" applyFont="1" applyFill="1" applyBorder="1" applyAlignment="1">
      <alignment horizontal="right" vertical="center" shrinkToFit="1"/>
    </xf>
    <xf numFmtId="176" fontId="11" fillId="0" borderId="17" xfId="0" applyNumberFormat="1" applyFont="1" applyFill="1" applyBorder="1" applyAlignment="1">
      <alignment horizontal="right" vertical="center" shrinkToFit="1"/>
    </xf>
    <xf numFmtId="176" fontId="11" fillId="0" borderId="0" xfId="0" applyNumberFormat="1" applyFont="1" applyFill="1" applyBorder="1" applyAlignment="1">
      <alignment horizontal="right" vertical="center" shrinkToFit="1"/>
    </xf>
    <xf numFmtId="0" fontId="17" fillId="0" borderId="0" xfId="0" applyFont="1">
      <alignment vertical="center"/>
    </xf>
    <xf numFmtId="0" fontId="0" fillId="0" borderId="0" xfId="0" applyFont="1">
      <alignment vertical="center"/>
    </xf>
    <xf numFmtId="176" fontId="18" fillId="0" borderId="17" xfId="0" applyNumberFormat="1" applyFont="1" applyFill="1" applyBorder="1" applyAlignment="1">
      <alignment horizontal="right" vertical="center" shrinkToFit="1"/>
    </xf>
    <xf numFmtId="176" fontId="18" fillId="0" borderId="6" xfId="0" applyNumberFormat="1" applyFont="1" applyFill="1" applyBorder="1" applyAlignment="1">
      <alignment horizontal="right" vertical="center" shrinkToFit="1"/>
    </xf>
    <xf numFmtId="176" fontId="18" fillId="0" borderId="4" xfId="0" applyNumberFormat="1" applyFont="1" applyFill="1" applyBorder="1" applyAlignment="1">
      <alignment horizontal="right" vertical="center" shrinkToFit="1"/>
    </xf>
    <xf numFmtId="176" fontId="18" fillId="2" borderId="19" xfId="0" applyNumberFormat="1" applyFont="1" applyFill="1" applyBorder="1" applyAlignment="1">
      <alignment horizontal="right" vertical="center" shrinkToFit="1"/>
    </xf>
    <xf numFmtId="176" fontId="18" fillId="2" borderId="21" xfId="0" applyNumberFormat="1" applyFont="1" applyFill="1" applyBorder="1" applyAlignment="1">
      <alignment horizontal="right" vertical="center" shrinkToFit="1"/>
    </xf>
    <xf numFmtId="176" fontId="21" fillId="0" borderId="17" xfId="0" applyNumberFormat="1" applyFont="1" applyFill="1" applyBorder="1" applyAlignment="1">
      <alignment horizontal="right" vertical="center" shrinkToFit="1"/>
    </xf>
    <xf numFmtId="176" fontId="21" fillId="0" borderId="6" xfId="0" applyNumberFormat="1" applyFont="1" applyFill="1" applyBorder="1" applyAlignment="1">
      <alignment horizontal="right" vertical="center" shrinkToFit="1"/>
    </xf>
    <xf numFmtId="176" fontId="21" fillId="0" borderId="4" xfId="0" applyNumberFormat="1" applyFont="1" applyFill="1" applyBorder="1" applyAlignment="1">
      <alignment horizontal="right" vertical="center" shrinkToFit="1"/>
    </xf>
    <xf numFmtId="177" fontId="0" fillId="0" borderId="0" xfId="0" applyNumberFormat="1" applyAlignment="1">
      <alignment vertical="center"/>
    </xf>
    <xf numFmtId="0" fontId="24" fillId="0" borderId="0" xfId="0" applyFont="1">
      <alignment vertical="center"/>
    </xf>
    <xf numFmtId="0" fontId="25" fillId="0" borderId="0" xfId="0" applyFont="1">
      <alignment vertical="center"/>
    </xf>
    <xf numFmtId="0" fontId="11" fillId="0" borderId="13" xfId="0" applyFont="1" applyBorder="1" applyAlignment="1">
      <alignment horizontal="center" vertical="top" wrapText="1"/>
    </xf>
    <xf numFmtId="0" fontId="11" fillId="0" borderId="0" xfId="0" applyFont="1" applyAlignment="1">
      <alignment horizontal="center" vertical="top" wrapText="1"/>
    </xf>
    <xf numFmtId="0" fontId="11" fillId="0" borderId="16" xfId="0" applyFont="1" applyBorder="1" applyAlignment="1">
      <alignment horizontal="center" vertical="top" wrapText="1"/>
    </xf>
    <xf numFmtId="0" fontId="11" fillId="0" borderId="23" xfId="0" applyFont="1" applyBorder="1" applyAlignment="1">
      <alignment horizontal="center" vertical="top" textRotation="255"/>
    </xf>
    <xf numFmtId="0" fontId="11" fillId="0" borderId="14" xfId="0" applyFont="1" applyBorder="1" applyAlignment="1">
      <alignment horizontal="center" vertical="top" textRotation="255"/>
    </xf>
    <xf numFmtId="0" fontId="11" fillId="0" borderId="16" xfId="0" applyFont="1" applyBorder="1" applyAlignment="1">
      <alignment horizontal="center" vertical="top" textRotation="255"/>
    </xf>
    <xf numFmtId="0" fontId="11" fillId="0" borderId="13" xfId="0" applyFont="1" applyBorder="1" applyAlignment="1">
      <alignment horizontal="center" vertical="top" textRotation="255"/>
    </xf>
    <xf numFmtId="0" fontId="11" fillId="0" borderId="15" xfId="0" applyFont="1" applyBorder="1" applyAlignment="1">
      <alignment horizontal="center" vertical="top" textRotation="255"/>
    </xf>
    <xf numFmtId="0" fontId="11" fillId="0" borderId="17" xfId="0" applyFont="1" applyBorder="1" applyAlignment="1">
      <alignment horizontal="center" vertical="top" textRotation="255" wrapText="1"/>
    </xf>
    <xf numFmtId="0" fontId="11" fillId="0" borderId="4" xfId="0" applyFont="1" applyFill="1" applyBorder="1" applyAlignment="1">
      <alignment horizontal="center" vertical="top" textRotation="255" wrapText="1"/>
    </xf>
    <xf numFmtId="0" fontId="11" fillId="2" borderId="18" xfId="0" applyFont="1" applyFill="1" applyBorder="1" applyAlignment="1">
      <alignment horizontal="center" vertical="top" textRotation="255" wrapText="1"/>
    </xf>
    <xf numFmtId="0" fontId="11" fillId="0" borderId="6" xfId="0" applyFont="1" applyFill="1" applyBorder="1" applyAlignment="1">
      <alignment horizontal="center" vertical="top" textRotation="255" wrapText="1"/>
    </xf>
    <xf numFmtId="0" fontId="24" fillId="0" borderId="17" xfId="0" applyFont="1" applyBorder="1" applyAlignment="1">
      <alignment horizontal="center" vertical="center" wrapText="1"/>
    </xf>
    <xf numFmtId="0" fontId="11" fillId="0" borderId="13" xfId="0" applyFont="1" applyBorder="1" applyAlignment="1">
      <alignment horizontal="center" vertical="center" wrapText="1"/>
    </xf>
    <xf numFmtId="0" fontId="11" fillId="0" borderId="14"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23" xfId="0" applyFont="1" applyBorder="1" applyAlignment="1">
      <alignment horizontal="center" vertical="center" wrapText="1"/>
    </xf>
    <xf numFmtId="0" fontId="11" fillId="0" borderId="16" xfId="0" applyFont="1" applyBorder="1" applyAlignment="1">
      <alignment horizontal="center" vertical="center" wrapText="1"/>
    </xf>
    <xf numFmtId="176" fontId="11" fillId="0" borderId="4" xfId="0" applyNumberFormat="1" applyFont="1" applyFill="1" applyBorder="1" applyAlignment="1">
      <alignment horizontal="center" vertical="center" shrinkToFit="1"/>
    </xf>
    <xf numFmtId="0" fontId="24" fillId="0" borderId="17" xfId="0" applyFont="1" applyBorder="1" applyAlignment="1">
      <alignment horizontal="center" vertical="center" wrapText="1" shrinkToFit="1"/>
    </xf>
    <xf numFmtId="0" fontId="11" fillId="0" borderId="5" xfId="0" applyFont="1" applyBorder="1" applyAlignment="1">
      <alignment horizontal="center" vertical="center" wrapText="1"/>
    </xf>
    <xf numFmtId="0" fontId="18" fillId="0" borderId="13" xfId="0" applyFont="1" applyBorder="1" applyAlignment="1">
      <alignment horizontal="center" vertical="top" textRotation="255"/>
    </xf>
    <xf numFmtId="0" fontId="18" fillId="0" borderId="14" xfId="0" applyFont="1" applyBorder="1" applyAlignment="1">
      <alignment horizontal="center" vertical="top" textRotation="255"/>
    </xf>
    <xf numFmtId="0" fontId="18" fillId="0" borderId="15" xfId="0" applyFont="1" applyBorder="1" applyAlignment="1">
      <alignment horizontal="center" vertical="top" textRotation="255"/>
    </xf>
    <xf numFmtId="0" fontId="18" fillId="0" borderId="16" xfId="0" applyFont="1" applyBorder="1" applyAlignment="1">
      <alignment horizontal="center" vertical="top" textRotation="255"/>
    </xf>
    <xf numFmtId="0" fontId="18" fillId="0" borderId="17" xfId="0" applyFont="1" applyFill="1" applyBorder="1" applyAlignment="1">
      <alignment horizontal="center" vertical="top" textRotation="255" wrapText="1"/>
    </xf>
    <xf numFmtId="0" fontId="18" fillId="0" borderId="4" xfId="0" applyFont="1" applyFill="1" applyBorder="1" applyAlignment="1">
      <alignment horizontal="center" vertical="top" textRotation="255" wrapText="1"/>
    </xf>
    <xf numFmtId="0" fontId="18" fillId="2" borderId="18" xfId="0" applyFont="1" applyFill="1" applyBorder="1" applyAlignment="1">
      <alignment horizontal="center" vertical="top" textRotation="255" wrapText="1"/>
    </xf>
    <xf numFmtId="0" fontId="18" fillId="0" borderId="6" xfId="0" applyFont="1" applyFill="1" applyBorder="1" applyAlignment="1">
      <alignment horizontal="center" vertical="top" textRotation="255" wrapText="1"/>
    </xf>
    <xf numFmtId="49" fontId="18" fillId="0" borderId="4" xfId="0" applyNumberFormat="1" applyFont="1" applyBorder="1" applyAlignment="1">
      <alignment horizontal="center" vertical="center" wrapText="1" shrinkToFit="1"/>
    </xf>
    <xf numFmtId="0" fontId="18" fillId="0" borderId="13" xfId="0" applyFont="1" applyBorder="1" applyAlignment="1">
      <alignment horizontal="center" vertical="center" wrapText="1"/>
    </xf>
    <xf numFmtId="0" fontId="18" fillId="0" borderId="14" xfId="0" applyFont="1" applyBorder="1" applyAlignment="1">
      <alignment horizontal="center" vertical="center" wrapText="1"/>
    </xf>
    <xf numFmtId="0" fontId="18" fillId="0" borderId="16" xfId="0" applyFont="1" applyBorder="1" applyAlignment="1">
      <alignment horizontal="center" vertical="center" wrapText="1"/>
    </xf>
    <xf numFmtId="0" fontId="18" fillId="0" borderId="23" xfId="0" applyFont="1" applyBorder="1" applyAlignment="1">
      <alignment horizontal="center" vertical="center"/>
    </xf>
    <xf numFmtId="0" fontId="18" fillId="0" borderId="14" xfId="0" applyFont="1" applyBorder="1" applyAlignment="1">
      <alignment horizontal="center" vertical="center"/>
    </xf>
    <xf numFmtId="0" fontId="18" fillId="0" borderId="16" xfId="0" applyFont="1" applyBorder="1" applyAlignment="1">
      <alignment horizontal="center" vertical="center"/>
    </xf>
    <xf numFmtId="0" fontId="18" fillId="0" borderId="13" xfId="0" applyFont="1" applyBorder="1" applyAlignment="1">
      <alignment horizontal="center" vertical="center"/>
    </xf>
    <xf numFmtId="0" fontId="18" fillId="0" borderId="5" xfId="0" applyFont="1" applyBorder="1" applyAlignment="1">
      <alignment horizontal="center" vertical="center"/>
    </xf>
    <xf numFmtId="0" fontId="18" fillId="0" borderId="20" xfId="0" applyFont="1" applyBorder="1" applyAlignment="1">
      <alignment horizontal="center" vertical="center" wrapText="1"/>
    </xf>
    <xf numFmtId="0" fontId="18" fillId="0" borderId="15" xfId="0" applyFont="1" applyBorder="1" applyAlignment="1">
      <alignment horizontal="center" vertical="center"/>
    </xf>
    <xf numFmtId="0" fontId="18" fillId="0" borderId="13" xfId="0" applyFont="1" applyBorder="1" applyAlignment="1">
      <alignment horizontal="center" vertical="top" textRotation="255" wrapText="1"/>
    </xf>
    <xf numFmtId="0" fontId="18" fillId="0" borderId="0" xfId="0" applyFont="1" applyAlignment="1">
      <alignment horizontal="center" vertical="top" textRotation="255" wrapText="1"/>
    </xf>
    <xf numFmtId="0" fontId="18" fillId="0" borderId="15" xfId="0" applyFont="1" applyBorder="1" applyAlignment="1">
      <alignment horizontal="center" vertical="top" textRotation="255" wrapText="1"/>
    </xf>
    <xf numFmtId="0" fontId="18" fillId="0" borderId="23" xfId="0" applyFont="1" applyBorder="1" applyAlignment="1">
      <alignment horizontal="center" vertical="top" textRotation="255"/>
    </xf>
    <xf numFmtId="0" fontId="18" fillId="2" borderId="18" xfId="0" applyFont="1" applyFill="1" applyBorder="1" applyAlignment="1">
      <alignment vertical="top" textRotation="255"/>
    </xf>
    <xf numFmtId="0" fontId="13" fillId="0" borderId="17" xfId="0" applyFont="1" applyBorder="1" applyAlignment="1">
      <alignment horizontal="center" vertical="center" wrapText="1"/>
    </xf>
    <xf numFmtId="0" fontId="18" fillId="0" borderId="15" xfId="0" applyFont="1" applyBorder="1" applyAlignment="1">
      <alignment horizontal="center" vertical="center" wrapText="1"/>
    </xf>
    <xf numFmtId="0" fontId="18" fillId="0" borderId="23" xfId="0" applyFont="1" applyBorder="1" applyAlignment="1">
      <alignment horizontal="center" vertical="center" wrapText="1"/>
    </xf>
    <xf numFmtId="0" fontId="13" fillId="0" borderId="17" xfId="0" applyFont="1" applyBorder="1" applyAlignment="1">
      <alignment horizontal="center" vertical="center" wrapText="1" shrinkToFit="1"/>
    </xf>
    <xf numFmtId="49" fontId="18" fillId="0" borderId="17" xfId="2" applyNumberFormat="1" applyFont="1" applyBorder="1" applyAlignment="1">
      <alignment horizontal="center" vertical="center" wrapText="1" shrinkToFit="1"/>
    </xf>
    <xf numFmtId="0" fontId="13" fillId="2" borderId="21" xfId="0" applyFont="1" applyFill="1" applyBorder="1">
      <alignment vertical="center"/>
    </xf>
    <xf numFmtId="0" fontId="25" fillId="0" borderId="13" xfId="2" applyFont="1" applyBorder="1" applyAlignment="1">
      <alignment horizontal="center" vertical="top" textRotation="255" wrapText="1"/>
    </xf>
    <xf numFmtId="0" fontId="25" fillId="0" borderId="5" xfId="2" applyFont="1" applyBorder="1" applyAlignment="1">
      <alignment horizontal="center" vertical="top" textRotation="255" wrapText="1"/>
    </xf>
    <xf numFmtId="0" fontId="25" fillId="0" borderId="16" xfId="2" applyFont="1" applyBorder="1" applyAlignment="1">
      <alignment horizontal="center" vertical="top" textRotation="255" wrapText="1"/>
    </xf>
    <xf numFmtId="0" fontId="25" fillId="0" borderId="23" xfId="0" applyFont="1" applyBorder="1" applyAlignment="1">
      <alignment horizontal="center" vertical="top" textRotation="255"/>
    </xf>
    <xf numFmtId="0" fontId="25" fillId="0" borderId="14" xfId="0" applyFont="1" applyBorder="1" applyAlignment="1">
      <alignment horizontal="center" vertical="top" textRotation="255"/>
    </xf>
    <xf numFmtId="0" fontId="25" fillId="0" borderId="16" xfId="0" applyFont="1" applyBorder="1" applyAlignment="1">
      <alignment horizontal="center" vertical="top" textRotation="255"/>
    </xf>
    <xf numFmtId="0" fontId="25" fillId="0" borderId="13" xfId="0" applyFont="1" applyBorder="1" applyAlignment="1">
      <alignment horizontal="center" vertical="top" textRotation="255"/>
    </xf>
    <xf numFmtId="0" fontId="25" fillId="0" borderId="15" xfId="0" applyFont="1" applyBorder="1" applyAlignment="1">
      <alignment horizontal="center" vertical="top" textRotation="255"/>
    </xf>
    <xf numFmtId="0" fontId="25" fillId="0" borderId="17" xfId="0" applyFont="1" applyFill="1" applyBorder="1" applyAlignment="1">
      <alignment horizontal="center" vertical="top" textRotation="255" wrapText="1"/>
    </xf>
    <xf numFmtId="0" fontId="25" fillId="0" borderId="4" xfId="0" applyFont="1" applyFill="1" applyBorder="1" applyAlignment="1">
      <alignment horizontal="center" vertical="top" textRotation="255" wrapText="1"/>
    </xf>
    <xf numFmtId="0" fontId="25" fillId="2" borderId="18" xfId="0" applyFont="1" applyFill="1" applyBorder="1" applyAlignment="1">
      <alignment horizontal="center" vertical="top" textRotation="255" wrapText="1"/>
    </xf>
    <xf numFmtId="0" fontId="25" fillId="0" borderId="6" xfId="0" applyFont="1" applyFill="1" applyBorder="1" applyAlignment="1">
      <alignment horizontal="center" vertical="top" textRotation="255" wrapText="1"/>
    </xf>
    <xf numFmtId="49" fontId="11" fillId="0" borderId="17" xfId="2" applyNumberFormat="1" applyFont="1" applyBorder="1" applyAlignment="1">
      <alignment horizontal="center" vertical="center"/>
    </xf>
    <xf numFmtId="0" fontId="11" fillId="0" borderId="13" xfId="2" applyFont="1" applyBorder="1" applyAlignment="1">
      <alignment horizontal="center" vertical="center" wrapText="1"/>
    </xf>
    <xf numFmtId="0" fontId="11" fillId="0" borderId="14" xfId="2" applyFont="1" applyBorder="1" applyAlignment="1">
      <alignment horizontal="center" vertical="center" wrapText="1"/>
    </xf>
    <xf numFmtId="0" fontId="11" fillId="0" borderId="15" xfId="2" applyFont="1" applyBorder="1" applyAlignment="1">
      <alignment horizontal="center" vertical="center" wrapText="1"/>
    </xf>
    <xf numFmtId="0" fontId="11" fillId="0" borderId="23" xfId="2" applyFont="1" applyBorder="1" applyAlignment="1">
      <alignment horizontal="center" vertical="center" wrapText="1"/>
    </xf>
    <xf numFmtId="0" fontId="11" fillId="0" borderId="16" xfId="2" applyFont="1" applyBorder="1" applyAlignment="1">
      <alignment horizontal="center" vertical="center" wrapText="1"/>
    </xf>
    <xf numFmtId="0" fontId="11" fillId="0" borderId="23" xfId="2" applyFont="1" applyBorder="1" applyAlignment="1">
      <alignment horizontal="center" vertical="center"/>
    </xf>
    <xf numFmtId="0" fontId="11" fillId="0" borderId="14" xfId="2" applyFont="1" applyBorder="1" applyAlignment="1">
      <alignment horizontal="center" vertical="center"/>
    </xf>
    <xf numFmtId="0" fontId="11" fillId="0" borderId="16" xfId="2" applyFont="1" applyBorder="1" applyAlignment="1">
      <alignment horizontal="center" vertical="center"/>
    </xf>
    <xf numFmtId="0" fontId="11" fillId="0" borderId="13" xfId="2" applyFont="1" applyBorder="1" applyAlignment="1">
      <alignment horizontal="center" vertical="center"/>
    </xf>
    <xf numFmtId="0" fontId="11" fillId="0" borderId="15" xfId="2" applyFont="1" applyBorder="1" applyAlignment="1">
      <alignment horizontal="center" vertical="center"/>
    </xf>
    <xf numFmtId="49" fontId="11" fillId="0" borderId="17" xfId="2" applyNumberFormat="1" applyFont="1" applyBorder="1" applyAlignment="1">
      <alignment horizontal="center" vertical="center" wrapText="1"/>
    </xf>
    <xf numFmtId="0" fontId="11" fillId="0" borderId="5" xfId="2" applyFont="1" applyBorder="1" applyAlignment="1">
      <alignment horizontal="center" vertical="center" wrapText="1"/>
    </xf>
    <xf numFmtId="0" fontId="21" fillId="0" borderId="13" xfId="0" applyFont="1" applyBorder="1" applyAlignment="1">
      <alignment horizontal="center" vertical="top" textRotation="255"/>
    </xf>
    <xf numFmtId="0" fontId="21" fillId="0" borderId="14" xfId="0" applyFont="1" applyBorder="1" applyAlignment="1">
      <alignment horizontal="center" vertical="top" textRotation="255"/>
    </xf>
    <xf numFmtId="0" fontId="21" fillId="0" borderId="15" xfId="0" applyFont="1" applyBorder="1" applyAlignment="1">
      <alignment horizontal="center" vertical="top" textRotation="255"/>
    </xf>
    <xf numFmtId="0" fontId="21" fillId="0" borderId="16" xfId="0" applyFont="1" applyBorder="1" applyAlignment="1">
      <alignment horizontal="center" vertical="top" textRotation="255"/>
    </xf>
    <xf numFmtId="0" fontId="21" fillId="0" borderId="17" xfId="0" applyFont="1" applyFill="1" applyBorder="1" applyAlignment="1">
      <alignment horizontal="center" vertical="top" textRotation="255" wrapText="1"/>
    </xf>
    <xf numFmtId="0" fontId="21" fillId="0" borderId="4" xfId="0" applyFont="1" applyFill="1" applyBorder="1" applyAlignment="1">
      <alignment horizontal="center" vertical="top" textRotation="255" wrapText="1"/>
    </xf>
    <xf numFmtId="0" fontId="21" fillId="2" borderId="18" xfId="0" applyFont="1" applyFill="1" applyBorder="1" applyAlignment="1">
      <alignment horizontal="center" vertical="top" textRotation="255" wrapText="1"/>
    </xf>
    <xf numFmtId="0" fontId="21" fillId="0" borderId="6" xfId="0" applyFont="1" applyFill="1" applyBorder="1" applyAlignment="1">
      <alignment horizontal="center" vertical="top" textRotation="255" wrapText="1"/>
    </xf>
    <xf numFmtId="0" fontId="21" fillId="2" borderId="18" xfId="0" applyFont="1" applyFill="1" applyBorder="1" applyAlignment="1">
      <alignment vertical="top" textRotation="255"/>
    </xf>
    <xf numFmtId="49" fontId="15" fillId="0" borderId="17" xfId="0" applyNumberFormat="1" applyFont="1" applyBorder="1" applyAlignment="1">
      <alignment horizontal="center" vertical="center" shrinkToFit="1"/>
    </xf>
    <xf numFmtId="0" fontId="21" fillId="0" borderId="13" xfId="0" applyFont="1" applyBorder="1" applyAlignment="1">
      <alignment horizontal="center" vertical="center" wrapText="1"/>
    </xf>
    <xf numFmtId="0" fontId="21" fillId="0" borderId="14" xfId="0" applyFont="1" applyBorder="1" applyAlignment="1">
      <alignment horizontal="center" vertical="center" wrapText="1"/>
    </xf>
    <xf numFmtId="0" fontId="21" fillId="0" borderId="16" xfId="0" applyFont="1" applyBorder="1" applyAlignment="1">
      <alignment horizontal="center" vertical="center" wrapText="1"/>
    </xf>
    <xf numFmtId="0" fontId="21" fillId="0" borderId="13" xfId="0" applyFont="1" applyBorder="1" applyAlignment="1">
      <alignment horizontal="center" vertical="center"/>
    </xf>
    <xf numFmtId="0" fontId="21" fillId="0" borderId="14" xfId="0" applyFont="1" applyBorder="1" applyAlignment="1">
      <alignment horizontal="center" vertical="center"/>
    </xf>
    <xf numFmtId="0" fontId="21" fillId="0" borderId="16" xfId="0" applyFont="1" applyBorder="1" applyAlignment="1">
      <alignment horizontal="center" vertical="center"/>
    </xf>
    <xf numFmtId="0" fontId="21" fillId="0" borderId="5" xfId="0" applyFont="1" applyBorder="1" applyAlignment="1">
      <alignment horizontal="center" vertical="center"/>
    </xf>
    <xf numFmtId="176" fontId="21" fillId="2" borderId="19" xfId="0" applyNumberFormat="1" applyFont="1" applyFill="1" applyBorder="1" applyAlignment="1">
      <alignment horizontal="right" vertical="center" shrinkToFit="1"/>
    </xf>
    <xf numFmtId="0" fontId="21" fillId="2" borderId="19" xfId="0" applyFont="1" applyFill="1" applyBorder="1">
      <alignment vertical="center"/>
    </xf>
    <xf numFmtId="0" fontId="21" fillId="0" borderId="0" xfId="0" applyFont="1" applyAlignment="1">
      <alignment horizontal="center" vertical="center" wrapText="1"/>
    </xf>
    <xf numFmtId="0" fontId="21" fillId="0" borderId="15" xfId="0" applyFont="1" applyBorder="1" applyAlignment="1">
      <alignment horizontal="center" vertical="center"/>
    </xf>
    <xf numFmtId="0" fontId="21" fillId="0" borderId="24" xfId="0" applyFont="1" applyBorder="1" applyAlignment="1">
      <alignment horizontal="center" vertical="center" wrapText="1"/>
    </xf>
    <xf numFmtId="0" fontId="21" fillId="0" borderId="15" xfId="0" applyFont="1" applyBorder="1" applyAlignment="1">
      <alignment horizontal="center" vertical="center" wrapText="1"/>
    </xf>
    <xf numFmtId="176" fontId="21" fillId="2" borderId="21" xfId="0" applyNumberFormat="1" applyFont="1" applyFill="1" applyBorder="1" applyAlignment="1">
      <alignment horizontal="right" vertical="center" shrinkToFit="1"/>
    </xf>
    <xf numFmtId="0" fontId="21" fillId="2" borderId="21" xfId="0" applyFont="1" applyFill="1" applyBorder="1">
      <alignment vertical="center"/>
    </xf>
    <xf numFmtId="0" fontId="18" fillId="3" borderId="25" xfId="1" applyFont="1" applyFill="1" applyBorder="1" applyAlignment="1">
      <alignment horizontal="center" vertical="top" textRotation="255" wrapText="1"/>
    </xf>
    <xf numFmtId="0" fontId="18" fillId="3" borderId="26" xfId="1" applyFont="1" applyFill="1" applyBorder="1" applyAlignment="1">
      <alignment horizontal="center" vertical="top" textRotation="255" wrapText="1"/>
    </xf>
    <xf numFmtId="0" fontId="18" fillId="3" borderId="27" xfId="1" applyFont="1" applyFill="1" applyBorder="1" applyAlignment="1">
      <alignment horizontal="center" vertical="top" textRotation="255" wrapText="1"/>
    </xf>
    <xf numFmtId="0" fontId="18" fillId="3" borderId="26" xfId="1" applyFont="1" applyFill="1" applyBorder="1" applyAlignment="1">
      <alignment horizontal="center" vertical="top" textRotation="255"/>
    </xf>
    <xf numFmtId="0" fontId="18" fillId="3" borderId="25" xfId="1" applyFont="1" applyFill="1" applyBorder="1" applyAlignment="1">
      <alignment horizontal="center" vertical="top" textRotation="255"/>
    </xf>
    <xf numFmtId="0" fontId="18" fillId="3" borderId="28" xfId="1" applyFont="1" applyFill="1" applyBorder="1" applyAlignment="1">
      <alignment horizontal="center" vertical="top" textRotation="255"/>
    </xf>
    <xf numFmtId="0" fontId="18" fillId="0" borderId="17" xfId="0" applyFont="1" applyBorder="1" applyAlignment="1">
      <alignment horizontal="center" vertical="center"/>
    </xf>
    <xf numFmtId="0" fontId="18" fillId="0" borderId="29" xfId="0" applyFont="1" applyBorder="1" applyAlignment="1">
      <alignment horizontal="center" vertical="center" wrapText="1"/>
    </xf>
    <xf numFmtId="0" fontId="18" fillId="0" borderId="26" xfId="0" applyFont="1" applyBorder="1" applyAlignment="1">
      <alignment horizontal="center" vertical="center" wrapText="1"/>
    </xf>
    <xf numFmtId="0" fontId="18" fillId="0" borderId="27" xfId="0" applyFont="1" applyBorder="1" applyAlignment="1">
      <alignment horizontal="center" vertical="center" wrapText="1"/>
    </xf>
    <xf numFmtId="0" fontId="18" fillId="0" borderId="25" xfId="0" applyFont="1" applyBorder="1" applyAlignment="1">
      <alignment horizontal="center" vertical="center"/>
    </xf>
    <xf numFmtId="0" fontId="18" fillId="0" borderId="26" xfId="0" applyFont="1" applyBorder="1" applyAlignment="1">
      <alignment horizontal="center" vertical="center"/>
    </xf>
    <xf numFmtId="0" fontId="18" fillId="0" borderId="27" xfId="0" applyFont="1" applyBorder="1" applyAlignment="1">
      <alignment horizontal="center" vertical="center"/>
    </xf>
    <xf numFmtId="0" fontId="18" fillId="0" borderId="10" xfId="0" applyFont="1" applyBorder="1" applyAlignment="1">
      <alignment horizontal="center" vertical="center"/>
    </xf>
    <xf numFmtId="0" fontId="18" fillId="2" borderId="19" xfId="0" applyFont="1" applyFill="1" applyBorder="1">
      <alignment vertical="center"/>
    </xf>
    <xf numFmtId="0" fontId="18" fillId="0" borderId="0" xfId="0" applyFont="1" applyAlignment="1">
      <alignment horizontal="center" vertical="center" wrapText="1"/>
    </xf>
    <xf numFmtId="0" fontId="18" fillId="0" borderId="30"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24" xfId="0" applyFont="1" applyBorder="1" applyAlignment="1">
      <alignment horizontal="center" vertical="center" wrapText="1"/>
    </xf>
    <xf numFmtId="0" fontId="18" fillId="0" borderId="31" xfId="0" applyFont="1" applyBorder="1" applyAlignment="1">
      <alignment horizontal="center" vertical="center" wrapText="1"/>
    </xf>
    <xf numFmtId="0" fontId="18" fillId="0" borderId="33" xfId="0" applyFont="1" applyBorder="1" applyAlignment="1">
      <alignment horizontal="center" vertical="center"/>
    </xf>
    <xf numFmtId="0" fontId="18" fillId="0" borderId="24" xfId="0" applyFont="1" applyBorder="1" applyAlignment="1">
      <alignment horizontal="center" vertical="center"/>
    </xf>
    <xf numFmtId="0" fontId="18" fillId="0" borderId="31" xfId="0" applyFont="1" applyBorder="1" applyAlignment="1">
      <alignment horizontal="center" vertical="center"/>
    </xf>
    <xf numFmtId="0" fontId="18" fillId="0" borderId="32" xfId="0" applyFont="1" applyBorder="1" applyAlignment="1">
      <alignment horizontal="center" vertical="center"/>
    </xf>
    <xf numFmtId="49" fontId="13" fillId="0" borderId="17" xfId="0" applyNumberFormat="1" applyFont="1" applyBorder="1" applyAlignment="1">
      <alignment horizontal="center" vertical="center"/>
    </xf>
    <xf numFmtId="0" fontId="18" fillId="0" borderId="5" xfId="0" applyFont="1" applyBorder="1" applyAlignment="1">
      <alignment horizontal="center" vertical="center" wrapText="1"/>
    </xf>
    <xf numFmtId="0" fontId="18" fillId="0" borderId="25" xfId="0" applyFont="1" applyBorder="1" applyAlignment="1">
      <alignment horizontal="center" vertical="center" wrapText="1"/>
    </xf>
    <xf numFmtId="0" fontId="18" fillId="0" borderId="10" xfId="0" applyFont="1" applyBorder="1" applyAlignment="1">
      <alignment horizontal="center" vertical="center" wrapText="1"/>
    </xf>
    <xf numFmtId="0" fontId="18" fillId="0" borderId="28" xfId="0" applyFont="1" applyBorder="1" applyAlignment="1">
      <alignment horizontal="center" vertical="center"/>
    </xf>
    <xf numFmtId="0" fontId="18" fillId="0" borderId="4" xfId="0" applyFont="1" applyBorder="1" applyAlignment="1">
      <alignment horizontal="center" vertical="center" wrapText="1"/>
    </xf>
    <xf numFmtId="0" fontId="13" fillId="2" borderId="19" xfId="0" applyFont="1" applyFill="1" applyBorder="1">
      <alignment vertical="center"/>
    </xf>
    <xf numFmtId="0" fontId="18" fillId="0" borderId="22" xfId="0" applyFont="1" applyBorder="1" applyAlignment="1">
      <alignment horizontal="center" vertical="center" wrapText="1"/>
    </xf>
    <xf numFmtId="0" fontId="24" fillId="0" borderId="17" xfId="0" applyFont="1" applyBorder="1" applyAlignment="1">
      <alignment horizontal="center" vertical="center"/>
    </xf>
    <xf numFmtId="177" fontId="24" fillId="0" borderId="17" xfId="0" applyNumberFormat="1" applyFont="1" applyBorder="1" applyAlignment="1">
      <alignment horizontal="center" vertical="center"/>
    </xf>
    <xf numFmtId="177" fontId="24" fillId="0" borderId="4" xfId="0" applyNumberFormat="1" applyFont="1" applyBorder="1" applyAlignment="1">
      <alignment horizontal="center" vertical="center"/>
    </xf>
    <xf numFmtId="0" fontId="24" fillId="2" borderId="18" xfId="0" applyFont="1" applyFill="1" applyBorder="1" applyAlignment="1">
      <alignment horizontal="center" vertical="center" shrinkToFit="1"/>
    </xf>
    <xf numFmtId="0" fontId="24" fillId="0" borderId="17" xfId="0" applyFont="1" applyBorder="1" applyAlignment="1">
      <alignment vertical="center" wrapText="1"/>
    </xf>
    <xf numFmtId="0" fontId="24" fillId="2" borderId="19" xfId="0" applyFont="1" applyFill="1" applyBorder="1" applyAlignment="1">
      <alignment horizontal="center" vertical="center"/>
    </xf>
    <xf numFmtId="0" fontId="24" fillId="0" borderId="17" xfId="0" applyFont="1" applyBorder="1" applyAlignment="1">
      <alignment vertical="center" shrinkToFit="1"/>
    </xf>
    <xf numFmtId="0" fontId="24" fillId="2" borderId="21" xfId="0" applyFont="1" applyFill="1" applyBorder="1" applyAlignment="1">
      <alignment horizontal="center" vertical="center"/>
    </xf>
    <xf numFmtId="0" fontId="24" fillId="0" borderId="0" xfId="0" applyFont="1" applyAlignment="1">
      <alignment horizontal="center" vertical="center"/>
    </xf>
    <xf numFmtId="0" fontId="24" fillId="0" borderId="0" xfId="0" applyFont="1" applyAlignment="1">
      <alignment vertical="center" wrapText="1"/>
    </xf>
    <xf numFmtId="177" fontId="24" fillId="0" borderId="0" xfId="0" applyNumberFormat="1" applyFont="1" applyAlignment="1">
      <alignment horizontal="center" vertical="center"/>
    </xf>
    <xf numFmtId="0" fontId="24" fillId="2" borderId="34" xfId="0" applyFont="1" applyFill="1" applyBorder="1" applyAlignment="1">
      <alignment horizontal="center" vertical="center"/>
    </xf>
    <xf numFmtId="0" fontId="24" fillId="0" borderId="1" xfId="0" applyFont="1" applyBorder="1" applyAlignment="1">
      <alignment horizontal="center" vertical="center"/>
    </xf>
    <xf numFmtId="0" fontId="24" fillId="0" borderId="1" xfId="0" applyFont="1" applyBorder="1" applyAlignment="1">
      <alignment vertical="center" shrinkToFit="1"/>
    </xf>
    <xf numFmtId="177" fontId="24" fillId="0" borderId="17" xfId="0" applyNumberFormat="1" applyFont="1" applyBorder="1" applyAlignment="1">
      <alignment vertical="center"/>
    </xf>
    <xf numFmtId="177" fontId="24" fillId="0" borderId="4" xfId="0" applyNumberFormat="1" applyFont="1" applyBorder="1" applyAlignment="1">
      <alignment vertical="center"/>
    </xf>
    <xf numFmtId="177" fontId="24" fillId="0" borderId="0" xfId="0" applyNumberFormat="1" applyFont="1" applyAlignment="1">
      <alignment vertical="center"/>
    </xf>
    <xf numFmtId="0" fontId="24" fillId="0" borderId="17" xfId="0" applyFont="1" applyBorder="1" applyAlignment="1">
      <alignment horizontal="left" vertical="center" shrinkToFit="1"/>
    </xf>
    <xf numFmtId="177" fontId="24" fillId="0" borderId="35" xfId="0" applyNumberFormat="1" applyFont="1" applyBorder="1" applyAlignment="1">
      <alignment vertical="center"/>
    </xf>
    <xf numFmtId="177" fontId="24" fillId="0" borderId="1" xfId="0" applyNumberFormat="1" applyFont="1" applyBorder="1" applyAlignment="1">
      <alignment vertical="center"/>
    </xf>
    <xf numFmtId="177" fontId="24" fillId="0" borderId="2" xfId="0" applyNumberFormat="1" applyFont="1" applyBorder="1" applyAlignment="1">
      <alignment vertical="center"/>
    </xf>
    <xf numFmtId="177" fontId="18" fillId="0" borderId="17" xfId="0" applyNumberFormat="1" applyFont="1" applyBorder="1" applyAlignment="1">
      <alignment vertical="center"/>
    </xf>
    <xf numFmtId="177" fontId="18" fillId="0" borderId="4" xfId="0" applyNumberFormat="1" applyFont="1" applyFill="1" applyBorder="1" applyAlignment="1">
      <alignment vertical="center" shrinkToFit="1"/>
    </xf>
    <xf numFmtId="177" fontId="13" fillId="0" borderId="17" xfId="0" applyNumberFormat="1" applyFont="1" applyBorder="1" applyAlignment="1">
      <alignment vertical="center"/>
    </xf>
    <xf numFmtId="0" fontId="16" fillId="0" borderId="0" xfId="0" applyFont="1" applyAlignment="1">
      <alignment horizontal="left" vertical="center"/>
    </xf>
    <xf numFmtId="0" fontId="15" fillId="0" borderId="10" xfId="0" applyFont="1" applyBorder="1" applyAlignment="1">
      <alignment horizontal="left" wrapText="1"/>
    </xf>
    <xf numFmtId="0" fontId="15" fillId="0" borderId="10" xfId="0" applyFont="1" applyBorder="1" applyAlignment="1">
      <alignment horizontal="left"/>
    </xf>
    <xf numFmtId="0" fontId="13" fillId="0" borderId="10" xfId="0" applyFont="1" applyBorder="1" applyAlignment="1">
      <alignment horizontal="left" vertical="center" wrapText="1"/>
    </xf>
    <xf numFmtId="0" fontId="13" fillId="0" borderId="10" xfId="0" applyFont="1" applyBorder="1" applyAlignment="1">
      <alignment horizontal="left" vertical="center"/>
    </xf>
    <xf numFmtId="0" fontId="11" fillId="0" borderId="4" xfId="0" applyFont="1" applyFill="1" applyBorder="1" applyAlignment="1">
      <alignment vertical="center" wrapText="1"/>
    </xf>
    <xf numFmtId="0" fontId="11" fillId="0" borderId="5" xfId="0" applyFont="1" applyFill="1" applyBorder="1" applyAlignment="1">
      <alignment vertical="center" wrapText="1"/>
    </xf>
    <xf numFmtId="0" fontId="11" fillId="0" borderId="4" xfId="0" applyFont="1" applyBorder="1" applyAlignment="1">
      <alignment vertical="center" wrapText="1"/>
    </xf>
    <xf numFmtId="0" fontId="11" fillId="0" borderId="6" xfId="0" applyFont="1" applyBorder="1" applyAlignment="1">
      <alignment vertical="center" wrapText="1"/>
    </xf>
    <xf numFmtId="0" fontId="11" fillId="0" borderId="6" xfId="0" applyFont="1" applyBorder="1" applyAlignment="1">
      <alignment horizontal="center" vertical="center"/>
    </xf>
    <xf numFmtId="0" fontId="11" fillId="0" borderId="17" xfId="0" applyFont="1" applyBorder="1" applyAlignment="1">
      <alignment horizontal="center" vertical="center"/>
    </xf>
    <xf numFmtId="0" fontId="11" fillId="0" borderId="5" xfId="0" applyFont="1" applyBorder="1" applyAlignment="1">
      <alignment vertical="center" wrapText="1"/>
    </xf>
    <xf numFmtId="0" fontId="26" fillId="0" borderId="2" xfId="0" applyFont="1" applyBorder="1" applyAlignment="1">
      <alignment horizontal="center" vertical="center"/>
    </xf>
    <xf numFmtId="0" fontId="26" fillId="0" borderId="3" xfId="0" applyFont="1" applyBorder="1" applyAlignment="1">
      <alignment horizontal="center" vertical="center"/>
    </xf>
    <xf numFmtId="0" fontId="24" fillId="0" borderId="22" xfId="0" applyFont="1" applyBorder="1" applyAlignment="1">
      <alignment horizontal="center" vertical="center"/>
    </xf>
    <xf numFmtId="0" fontId="24" fillId="0" borderId="10" xfId="0" applyFont="1" applyBorder="1" applyAlignment="1">
      <alignment horizontal="center" vertical="center"/>
    </xf>
    <xf numFmtId="0" fontId="11" fillId="0" borderId="17" xfId="0" applyFont="1" applyBorder="1" applyAlignment="1">
      <alignment horizontal="left" vertical="center" wrapText="1"/>
    </xf>
    <xf numFmtId="0" fontId="11" fillId="0" borderId="2" xfId="0" applyFont="1" applyBorder="1" applyAlignment="1">
      <alignment horizontal="left" vertical="center" wrapText="1"/>
    </xf>
    <xf numFmtId="0" fontId="11" fillId="0" borderId="7" xfId="0" applyFont="1" applyBorder="1" applyAlignment="1">
      <alignment horizontal="left" vertical="center" wrapText="1"/>
    </xf>
    <xf numFmtId="0" fontId="11" fillId="0" borderId="1" xfId="0" applyFont="1" applyBorder="1" applyAlignment="1">
      <alignment horizontal="center" vertical="center"/>
    </xf>
    <xf numFmtId="0" fontId="11" fillId="0" borderId="8" xfId="0" applyFont="1" applyBorder="1" applyAlignment="1">
      <alignment horizontal="center" vertical="center"/>
    </xf>
    <xf numFmtId="0" fontId="11" fillId="0" borderId="12" xfId="0" applyFont="1" applyBorder="1" applyAlignment="1">
      <alignment horizontal="center" vertical="center"/>
    </xf>
    <xf numFmtId="0" fontId="11" fillId="0" borderId="2" xfId="0" applyFont="1" applyBorder="1" applyAlignment="1">
      <alignment horizontal="center" vertical="center"/>
    </xf>
    <xf numFmtId="0" fontId="11" fillId="0" borderId="3"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22" xfId="0" applyFont="1" applyBorder="1" applyAlignment="1">
      <alignment horizontal="center" vertical="center"/>
    </xf>
    <xf numFmtId="0" fontId="11" fillId="0" borderId="10" xfId="0" applyFont="1" applyBorder="1" applyAlignment="1">
      <alignment horizontal="center" vertical="center"/>
    </xf>
    <xf numFmtId="0" fontId="26" fillId="0" borderId="9" xfId="0" applyFont="1" applyBorder="1" applyAlignment="1">
      <alignment horizontal="center" vertical="center"/>
    </xf>
    <xf numFmtId="0" fontId="26" fillId="0" borderId="0" xfId="0" applyFont="1" applyAlignment="1">
      <alignment horizontal="center" vertical="center"/>
    </xf>
    <xf numFmtId="0" fontId="26" fillId="0" borderId="22" xfId="0" applyFont="1" applyBorder="1" applyAlignment="1">
      <alignment horizontal="center" vertical="center"/>
    </xf>
    <xf numFmtId="0" fontId="26" fillId="0" borderId="10" xfId="0" applyFont="1" applyBorder="1" applyAlignment="1">
      <alignment horizontal="center" vertical="center"/>
    </xf>
    <xf numFmtId="0" fontId="11" fillId="0" borderId="4" xfId="0" applyFont="1" applyBorder="1" applyAlignment="1">
      <alignment horizontal="center" vertical="center" shrinkToFit="1"/>
    </xf>
    <xf numFmtId="0" fontId="11" fillId="0" borderId="5" xfId="0" applyFont="1" applyBorder="1" applyAlignment="1">
      <alignment horizontal="center" vertical="center" shrinkToFit="1"/>
    </xf>
    <xf numFmtId="0" fontId="24" fillId="0" borderId="5" xfId="0" applyFont="1" applyBorder="1" applyAlignment="1">
      <alignment horizontal="center" vertical="center" shrinkToFit="1"/>
    </xf>
    <xf numFmtId="0" fontId="24" fillId="0" borderId="6" xfId="0" applyFont="1" applyBorder="1" applyAlignment="1">
      <alignment horizontal="center" vertical="center" shrinkToFit="1"/>
    </xf>
    <xf numFmtId="0" fontId="11" fillId="0" borderId="7" xfId="0" applyFont="1" applyBorder="1" applyAlignment="1">
      <alignment horizontal="center" vertical="center"/>
    </xf>
    <xf numFmtId="0" fontId="11" fillId="0" borderId="11" xfId="0" applyFont="1" applyBorder="1" applyAlignment="1">
      <alignment horizontal="center" vertical="center"/>
    </xf>
    <xf numFmtId="0" fontId="11" fillId="0" borderId="6" xfId="0" applyFont="1" applyBorder="1" applyAlignment="1">
      <alignment horizontal="center" vertical="center" shrinkToFit="1"/>
    </xf>
    <xf numFmtId="0" fontId="11" fillId="0" borderId="5" xfId="0" applyFont="1" applyBorder="1" applyAlignment="1">
      <alignment horizontal="center" vertical="center" wrapText="1" shrinkToFit="1"/>
    </xf>
    <xf numFmtId="0" fontId="11" fillId="0" borderId="6" xfId="0" applyFont="1" applyBorder="1" applyAlignment="1">
      <alignment horizontal="center" vertical="center" wrapText="1" shrinkToFit="1"/>
    </xf>
    <xf numFmtId="0" fontId="14" fillId="0" borderId="10" xfId="0" applyFont="1" applyBorder="1" applyAlignment="1">
      <alignment horizontal="left"/>
    </xf>
    <xf numFmtId="0" fontId="14" fillId="0" borderId="0" xfId="0" applyFont="1" applyAlignment="1">
      <alignment horizontal="left" vertical="top" wrapText="1"/>
    </xf>
    <xf numFmtId="0" fontId="15" fillId="0" borderId="0" xfId="0" applyFont="1" applyAlignment="1">
      <alignment horizontal="left" vertical="top"/>
    </xf>
    <xf numFmtId="49" fontId="18" fillId="0" borderId="4" xfId="0" applyNumberFormat="1" applyFont="1" applyBorder="1" applyAlignment="1">
      <alignment vertical="center" wrapText="1"/>
    </xf>
    <xf numFmtId="49" fontId="18" fillId="0" borderId="5" xfId="0" applyNumberFormat="1" applyFont="1" applyBorder="1" applyAlignment="1">
      <alignment vertical="center" wrapText="1"/>
    </xf>
    <xf numFmtId="49" fontId="18" fillId="0" borderId="6" xfId="0" applyNumberFormat="1" applyFont="1" applyBorder="1" applyAlignment="1">
      <alignment vertical="center" wrapText="1"/>
    </xf>
    <xf numFmtId="0" fontId="18" fillId="0" borderId="1" xfId="0" applyFont="1" applyBorder="1" applyAlignment="1">
      <alignment horizontal="center" vertical="center"/>
    </xf>
    <xf numFmtId="0" fontId="18" fillId="0" borderId="17" xfId="0" applyFont="1" applyBorder="1" applyAlignment="1">
      <alignment horizontal="center" vertical="center"/>
    </xf>
    <xf numFmtId="0" fontId="18" fillId="0" borderId="2" xfId="0" applyFont="1" applyBorder="1" applyAlignment="1">
      <alignment horizontal="center" vertical="center"/>
    </xf>
    <xf numFmtId="0" fontId="18" fillId="0" borderId="3" xfId="0" applyFont="1" applyBorder="1" applyAlignment="1">
      <alignment horizontal="center" vertical="center"/>
    </xf>
    <xf numFmtId="0" fontId="18" fillId="0" borderId="7" xfId="0" applyFont="1" applyBorder="1" applyAlignment="1">
      <alignment horizontal="center" vertical="center"/>
    </xf>
    <xf numFmtId="0" fontId="18" fillId="0" borderId="12" xfId="0" applyFont="1" applyBorder="1" applyAlignment="1">
      <alignment horizontal="center" vertical="center"/>
    </xf>
    <xf numFmtId="0" fontId="18" fillId="0" borderId="9" xfId="0" applyFont="1" applyBorder="1" applyAlignment="1">
      <alignment horizontal="center" vertical="center"/>
    </xf>
    <xf numFmtId="0" fontId="18" fillId="0" borderId="0" xfId="0" applyFont="1" applyAlignment="1">
      <alignment horizontal="center" vertical="center"/>
    </xf>
    <xf numFmtId="0" fontId="28" fillId="0" borderId="2" xfId="0" applyFont="1" applyBorder="1" applyAlignment="1">
      <alignment horizontal="center" vertical="center"/>
    </xf>
    <xf numFmtId="0" fontId="28" fillId="0" borderId="3" xfId="0" applyFont="1" applyBorder="1" applyAlignment="1">
      <alignment horizontal="center" vertical="center"/>
    </xf>
    <xf numFmtId="0" fontId="28" fillId="0" borderId="9" xfId="0" applyFont="1" applyBorder="1" applyAlignment="1">
      <alignment horizontal="center" vertical="center"/>
    </xf>
    <xf numFmtId="0" fontId="28" fillId="0" borderId="0" xfId="0" applyFont="1" applyAlignment="1">
      <alignment horizontal="center" vertical="center"/>
    </xf>
    <xf numFmtId="0" fontId="18" fillId="0" borderId="4" xfId="0" applyFont="1" applyBorder="1" applyAlignment="1">
      <alignment horizontal="center" vertical="center" shrinkToFit="1"/>
    </xf>
    <xf numFmtId="0" fontId="18" fillId="0" borderId="5" xfId="0" applyFont="1" applyBorder="1" applyAlignment="1">
      <alignment horizontal="center" vertical="center" shrinkToFit="1"/>
    </xf>
    <xf numFmtId="0" fontId="18" fillId="0" borderId="6" xfId="0" applyFont="1" applyBorder="1" applyAlignment="1">
      <alignment horizontal="center" vertical="center" shrinkToFit="1"/>
    </xf>
    <xf numFmtId="0" fontId="28" fillId="0" borderId="4" xfId="0" applyFont="1" applyBorder="1" applyAlignment="1">
      <alignment horizontal="center" vertical="center" shrinkToFit="1"/>
    </xf>
    <xf numFmtId="0" fontId="28" fillId="0" borderId="5" xfId="0" applyFont="1" applyBorder="1" applyAlignment="1">
      <alignment horizontal="center" vertical="center" shrinkToFit="1"/>
    </xf>
    <xf numFmtId="0" fontId="28" fillId="0" borderId="6" xfId="0" applyFont="1" applyBorder="1" applyAlignment="1">
      <alignment horizontal="center" vertical="center" shrinkToFit="1"/>
    </xf>
    <xf numFmtId="0" fontId="19" fillId="0" borderId="10" xfId="0" applyFont="1" applyBorder="1" applyAlignment="1">
      <alignment horizontal="left"/>
    </xf>
    <xf numFmtId="0" fontId="14" fillId="0" borderId="0" xfId="0" applyFont="1" applyAlignment="1">
      <alignment horizontal="left" vertical="center" wrapText="1"/>
    </xf>
    <xf numFmtId="0" fontId="15" fillId="0" borderId="0" xfId="0" applyFont="1" applyAlignment="1">
      <alignment horizontal="left" vertical="center"/>
    </xf>
    <xf numFmtId="0" fontId="18" fillId="0" borderId="8" xfId="0" applyFont="1" applyBorder="1" applyAlignment="1">
      <alignment horizontal="center" vertical="center"/>
    </xf>
    <xf numFmtId="0" fontId="18" fillId="0" borderId="22" xfId="0" applyFont="1" applyBorder="1" applyAlignment="1">
      <alignment horizontal="center" vertical="center"/>
    </xf>
    <xf numFmtId="0" fontId="18" fillId="0" borderId="10" xfId="0" applyFont="1" applyBorder="1" applyAlignment="1">
      <alignment horizontal="center" vertical="center"/>
    </xf>
    <xf numFmtId="0" fontId="28" fillId="0" borderId="22" xfId="0" applyFont="1" applyBorder="1" applyAlignment="1">
      <alignment horizontal="center" vertical="center"/>
    </xf>
    <xf numFmtId="0" fontId="28" fillId="0" borderId="10" xfId="0" applyFont="1" applyBorder="1" applyAlignment="1">
      <alignment horizontal="center" vertical="center"/>
    </xf>
    <xf numFmtId="0" fontId="18" fillId="0" borderId="17" xfId="0" applyFont="1" applyFill="1" applyBorder="1" applyAlignment="1">
      <alignment horizontal="center" vertical="center"/>
    </xf>
    <xf numFmtId="0" fontId="18" fillId="0" borderId="1" xfId="0" applyFont="1" applyFill="1" applyBorder="1" applyAlignment="1">
      <alignment horizontal="center" vertical="center"/>
    </xf>
    <xf numFmtId="0" fontId="18" fillId="0" borderId="11" xfId="0" applyFont="1" applyBorder="1" applyAlignment="1">
      <alignment horizontal="center" vertical="center"/>
    </xf>
    <xf numFmtId="0" fontId="18" fillId="0" borderId="23" xfId="0" applyFont="1" applyBorder="1" applyAlignment="1">
      <alignment horizontal="center" vertical="center" shrinkToFit="1"/>
    </xf>
    <xf numFmtId="0" fontId="18" fillId="0" borderId="15" xfId="0" applyFont="1" applyBorder="1" applyAlignment="1">
      <alignment horizontal="center" vertical="center" shrinkToFit="1"/>
    </xf>
    <xf numFmtId="49" fontId="18" fillId="0" borderId="4" xfId="0" applyNumberFormat="1" applyFont="1" applyFill="1" applyBorder="1" applyAlignment="1">
      <alignment vertical="center" wrapText="1"/>
    </xf>
    <xf numFmtId="49" fontId="18" fillId="0" borderId="5" xfId="0" applyNumberFormat="1" applyFont="1" applyFill="1" applyBorder="1" applyAlignment="1">
      <alignment vertical="center" wrapText="1"/>
    </xf>
    <xf numFmtId="0" fontId="12" fillId="0" borderId="0" xfId="0" applyFont="1" applyAlignment="1">
      <alignment horizontal="left" vertical="center" wrapText="1"/>
    </xf>
    <xf numFmtId="0" fontId="13" fillId="0" borderId="0" xfId="0" applyFont="1" applyAlignment="1">
      <alignment horizontal="left" vertical="center"/>
    </xf>
    <xf numFmtId="0" fontId="11" fillId="0" borderId="4" xfId="3" applyFont="1" applyBorder="1" applyAlignment="1">
      <alignment vertical="center" wrapText="1"/>
    </xf>
    <xf numFmtId="0" fontId="11" fillId="0" borderId="6" xfId="3" applyFont="1" applyBorder="1" applyAlignment="1">
      <alignment vertical="center" wrapText="1"/>
    </xf>
    <xf numFmtId="0" fontId="11" fillId="0" borderId="4" xfId="2" applyFont="1" applyBorder="1" applyAlignment="1">
      <alignment vertical="center" wrapText="1"/>
    </xf>
    <xf numFmtId="0" fontId="11" fillId="0" borderId="6" xfId="2" applyFont="1" applyBorder="1" applyAlignment="1">
      <alignment vertical="center" wrapText="1"/>
    </xf>
    <xf numFmtId="0" fontId="25" fillId="0" borderId="17" xfId="0" applyFont="1" applyFill="1" applyBorder="1" applyAlignment="1">
      <alignment horizontal="center" vertical="center"/>
    </xf>
    <xf numFmtId="0" fontId="25" fillId="0" borderId="1" xfId="0" applyFont="1" applyBorder="1" applyAlignment="1">
      <alignment horizontal="center" vertical="center"/>
    </xf>
    <xf numFmtId="0" fontId="25" fillId="0" borderId="8" xfId="0" applyFont="1" applyBorder="1" applyAlignment="1">
      <alignment horizontal="center" vertical="center"/>
    </xf>
    <xf numFmtId="0" fontId="25" fillId="0" borderId="12" xfId="0" applyFont="1" applyBorder="1" applyAlignment="1">
      <alignment horizontal="center" vertical="center"/>
    </xf>
    <xf numFmtId="0" fontId="25" fillId="0" borderId="2" xfId="0" applyFont="1" applyBorder="1" applyAlignment="1">
      <alignment horizontal="center" vertical="center"/>
    </xf>
    <xf numFmtId="0" fontId="25" fillId="0" borderId="3" xfId="0" applyFont="1" applyBorder="1" applyAlignment="1">
      <alignment horizontal="center" vertical="center"/>
    </xf>
    <xf numFmtId="0" fontId="25" fillId="0" borderId="9" xfId="0" applyFont="1" applyBorder="1" applyAlignment="1">
      <alignment horizontal="center" vertical="center"/>
    </xf>
    <xf numFmtId="0" fontId="25" fillId="0" borderId="0" xfId="0" applyFont="1" applyAlignment="1">
      <alignment horizontal="center" vertical="center"/>
    </xf>
    <xf numFmtId="0" fontId="25" fillId="0" borderId="22" xfId="0" applyFont="1" applyBorder="1" applyAlignment="1">
      <alignment horizontal="center" vertical="center"/>
    </xf>
    <xf numFmtId="0" fontId="25" fillId="0" borderId="10" xfId="0" applyFont="1" applyBorder="1" applyAlignment="1">
      <alignment horizontal="center" vertical="center"/>
    </xf>
    <xf numFmtId="0" fontId="29" fillId="0" borderId="2" xfId="0" applyFont="1" applyBorder="1" applyAlignment="1">
      <alignment horizontal="center" vertical="center"/>
    </xf>
    <xf numFmtId="0" fontId="29" fillId="0" borderId="3" xfId="0" applyFont="1" applyBorder="1" applyAlignment="1">
      <alignment horizontal="center" vertical="center"/>
    </xf>
    <xf numFmtId="0" fontId="29" fillId="0" borderId="9" xfId="0" applyFont="1" applyBorder="1" applyAlignment="1">
      <alignment horizontal="center" vertical="center"/>
    </xf>
    <xf numFmtId="0" fontId="29" fillId="0" borderId="0" xfId="0" applyFont="1" applyAlignment="1">
      <alignment horizontal="center" vertical="center"/>
    </xf>
    <xf numFmtId="0" fontId="29" fillId="0" borderId="22" xfId="0" applyFont="1" applyBorder="1" applyAlignment="1">
      <alignment horizontal="center" vertical="center"/>
    </xf>
    <xf numFmtId="0" fontId="29" fillId="0" borderId="10" xfId="0" applyFont="1" applyBorder="1" applyAlignment="1">
      <alignment horizontal="center" vertical="center"/>
    </xf>
    <xf numFmtId="0" fontId="30" fillId="0" borderId="4" xfId="0" applyFont="1" applyBorder="1" applyAlignment="1">
      <alignment horizontal="center" vertical="center" shrinkToFit="1"/>
    </xf>
    <xf numFmtId="0" fontId="30" fillId="0" borderId="5" xfId="0" applyFont="1" applyBorder="1" applyAlignment="1">
      <alignment horizontal="center" vertical="center" shrinkToFit="1"/>
    </xf>
    <xf numFmtId="0" fontId="30" fillId="0" borderId="6" xfId="0" applyFont="1" applyBorder="1" applyAlignment="1">
      <alignment horizontal="center" vertical="center" shrinkToFit="1"/>
    </xf>
    <xf numFmtId="0" fontId="30" fillId="0" borderId="5" xfId="0" applyFont="1" applyBorder="1" applyAlignment="1">
      <alignment horizontal="center" vertical="center" wrapText="1" shrinkToFit="1"/>
    </xf>
    <xf numFmtId="0" fontId="30" fillId="0" borderId="6" xfId="0" applyFont="1" applyBorder="1" applyAlignment="1">
      <alignment horizontal="center" vertical="center" wrapText="1" shrinkToFit="1"/>
    </xf>
    <xf numFmtId="0" fontId="25" fillId="0" borderId="4" xfId="0" applyFont="1" applyBorder="1" applyAlignment="1">
      <alignment horizontal="center" vertical="center" shrinkToFit="1"/>
    </xf>
    <xf numFmtId="0" fontId="25" fillId="0" borderId="5" xfId="0" applyFont="1" applyBorder="1" applyAlignment="1">
      <alignment horizontal="center" vertical="center" shrinkToFit="1"/>
    </xf>
    <xf numFmtId="0" fontId="25" fillId="0" borderId="7" xfId="0" applyFont="1" applyBorder="1" applyAlignment="1">
      <alignment horizontal="center" vertical="center"/>
    </xf>
    <xf numFmtId="0" fontId="25" fillId="0" borderId="11" xfId="0" applyFont="1" applyBorder="1" applyAlignment="1">
      <alignment horizontal="center" vertical="center"/>
    </xf>
    <xf numFmtId="0" fontId="22" fillId="0" borderId="0" xfId="0" applyFont="1" applyAlignment="1">
      <alignment horizontal="left" vertical="center"/>
    </xf>
    <xf numFmtId="0" fontId="19" fillId="0" borderId="0" xfId="0" applyFont="1" applyAlignment="1">
      <alignment horizontal="left" vertical="center" wrapText="1"/>
    </xf>
    <xf numFmtId="0" fontId="20" fillId="0" borderId="0" xfId="0" applyFont="1" applyAlignment="1">
      <alignment horizontal="left" vertical="center"/>
    </xf>
    <xf numFmtId="49" fontId="21" fillId="0" borderId="4" xfId="0" quotePrefix="1" applyNumberFormat="1" applyFont="1" applyBorder="1" applyAlignment="1">
      <alignment vertical="center" wrapText="1"/>
    </xf>
    <xf numFmtId="49" fontId="21" fillId="0" borderId="6" xfId="0" quotePrefix="1" applyNumberFormat="1" applyFont="1" applyBorder="1" applyAlignment="1">
      <alignment vertical="center" wrapText="1"/>
    </xf>
    <xf numFmtId="49" fontId="21" fillId="0" borderId="4" xfId="0" applyNumberFormat="1" applyFont="1" applyBorder="1" applyAlignment="1">
      <alignment vertical="center" wrapText="1"/>
    </xf>
    <xf numFmtId="49" fontId="21" fillId="0" borderId="6" xfId="0" applyNumberFormat="1" applyFont="1" applyBorder="1" applyAlignment="1">
      <alignment vertical="center" wrapText="1"/>
    </xf>
    <xf numFmtId="0" fontId="21" fillId="0" borderId="1" xfId="0" applyFont="1" applyBorder="1" applyAlignment="1">
      <alignment horizontal="center" vertical="center"/>
    </xf>
    <xf numFmtId="0" fontId="21" fillId="0" borderId="12" xfId="0" applyFont="1"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21" fillId="0" borderId="22" xfId="0" applyFont="1" applyBorder="1" applyAlignment="1">
      <alignment horizontal="center" vertical="center"/>
    </xf>
    <xf numFmtId="0" fontId="21" fillId="0" borderId="10" xfId="0" applyFont="1" applyBorder="1" applyAlignment="1">
      <alignment horizontal="center" vertical="center"/>
    </xf>
    <xf numFmtId="0" fontId="31" fillId="0" borderId="2" xfId="0" applyFont="1" applyBorder="1" applyAlignment="1">
      <alignment horizontal="center" vertical="center"/>
    </xf>
    <xf numFmtId="0" fontId="31" fillId="0" borderId="3" xfId="0" applyFont="1" applyBorder="1" applyAlignment="1">
      <alignment horizontal="center" vertical="center"/>
    </xf>
    <xf numFmtId="0" fontId="31" fillId="0" borderId="22" xfId="0" applyFont="1" applyBorder="1" applyAlignment="1">
      <alignment horizontal="center" vertical="center"/>
    </xf>
    <xf numFmtId="0" fontId="31" fillId="0" borderId="10" xfId="0" applyFont="1" applyBorder="1" applyAlignment="1">
      <alignment horizontal="center" vertical="center"/>
    </xf>
    <xf numFmtId="0" fontId="21" fillId="0" borderId="17" xfId="0" applyFont="1" applyFill="1" applyBorder="1" applyAlignment="1">
      <alignment horizontal="center" vertical="center"/>
    </xf>
    <xf numFmtId="0" fontId="21" fillId="0" borderId="4" xfId="0" applyFont="1" applyBorder="1" applyAlignment="1">
      <alignment horizontal="center" vertical="center" shrinkToFit="1"/>
    </xf>
    <xf numFmtId="0" fontId="21" fillId="0" borderId="5" xfId="0" applyFont="1" applyBorder="1" applyAlignment="1">
      <alignment horizontal="center" vertical="center" shrinkToFit="1"/>
    </xf>
    <xf numFmtId="0" fontId="21" fillId="0" borderId="6" xfId="0" applyFont="1" applyBorder="1" applyAlignment="1">
      <alignment horizontal="center" vertical="center" shrinkToFit="1"/>
    </xf>
    <xf numFmtId="0" fontId="31" fillId="0" borderId="4" xfId="0" applyFont="1" applyBorder="1" applyAlignment="1">
      <alignment horizontal="center" vertical="center" shrinkToFit="1"/>
    </xf>
    <xf numFmtId="0" fontId="31" fillId="0" borderId="5" xfId="0" applyFont="1" applyBorder="1" applyAlignment="1">
      <alignment horizontal="center" vertical="center" shrinkToFit="1"/>
    </xf>
    <xf numFmtId="0" fontId="23" fillId="0" borderId="10" xfId="0" applyFont="1" applyBorder="1" applyAlignment="1">
      <alignment horizontal="left"/>
    </xf>
    <xf numFmtId="0" fontId="18" fillId="3" borderId="17" xfId="1" applyFont="1" applyFill="1" applyBorder="1" applyAlignment="1">
      <alignment horizontal="center" vertical="center" shrinkToFit="1"/>
    </xf>
    <xf numFmtId="49" fontId="13" fillId="0" borderId="4" xfId="0" applyNumberFormat="1" applyFont="1" applyBorder="1" applyAlignment="1">
      <alignment vertical="center" wrapText="1"/>
    </xf>
    <xf numFmtId="49" fontId="13" fillId="0" borderId="6" xfId="0" applyNumberFormat="1" applyFont="1" applyBorder="1" applyAlignment="1">
      <alignment vertical="center" wrapText="1"/>
    </xf>
    <xf numFmtId="49" fontId="13" fillId="0" borderId="4" xfId="0" quotePrefix="1" applyNumberFormat="1" applyFont="1" applyBorder="1" applyAlignment="1">
      <alignment vertical="center" wrapText="1"/>
    </xf>
    <xf numFmtId="49" fontId="13" fillId="0" borderId="6" xfId="0" quotePrefix="1" applyNumberFormat="1" applyFont="1" applyBorder="1" applyAlignment="1">
      <alignment vertical="center" wrapText="1"/>
    </xf>
    <xf numFmtId="0" fontId="18" fillId="0" borderId="17" xfId="1" applyFont="1" applyBorder="1" applyAlignment="1">
      <alignment horizontal="center" vertical="center"/>
    </xf>
    <xf numFmtId="0" fontId="18" fillId="0" borderId="17" xfId="1" applyFont="1" applyBorder="1" applyAlignment="1">
      <alignment horizontal="center" vertical="center" wrapText="1"/>
    </xf>
    <xf numFmtId="0" fontId="18" fillId="3" borderId="4" xfId="1" applyFont="1" applyFill="1" applyBorder="1" applyAlignment="1">
      <alignment horizontal="center" vertical="center"/>
    </xf>
    <xf numFmtId="0" fontId="18" fillId="3" borderId="5" xfId="1" applyFont="1" applyFill="1" applyBorder="1" applyAlignment="1">
      <alignment horizontal="center" vertical="center"/>
    </xf>
    <xf numFmtId="0" fontId="18" fillId="3" borderId="6" xfId="1" applyFont="1" applyFill="1" applyBorder="1" applyAlignment="1">
      <alignment horizontal="center" vertical="center"/>
    </xf>
    <xf numFmtId="0" fontId="28" fillId="3" borderId="4" xfId="1" applyFont="1" applyFill="1" applyBorder="1" applyAlignment="1">
      <alignment horizontal="center" vertical="center" shrinkToFit="1"/>
    </xf>
    <xf numFmtId="0" fontId="28" fillId="3" borderId="5" xfId="1" applyFont="1" applyFill="1" applyBorder="1" applyAlignment="1">
      <alignment horizontal="center" vertical="center" shrinkToFit="1"/>
    </xf>
    <xf numFmtId="0" fontId="28" fillId="3" borderId="17" xfId="1" applyFont="1" applyFill="1" applyBorder="1" applyAlignment="1">
      <alignment horizontal="center" vertical="center"/>
    </xf>
    <xf numFmtId="0" fontId="0" fillId="0" borderId="0" xfId="0" applyAlignment="1">
      <alignment horizontal="center" vertical="center"/>
    </xf>
    <xf numFmtId="176" fontId="11" fillId="0" borderId="17" xfId="0" applyNumberFormat="1" applyFont="1" applyBorder="1" applyAlignment="1">
      <alignment horizontal="center" vertical="center" shrinkToFit="1"/>
    </xf>
    <xf numFmtId="176" fontId="18" fillId="0" borderId="17" xfId="1" applyNumberFormat="1" applyFont="1" applyFill="1" applyBorder="1" applyAlignment="1">
      <alignment horizontal="center" vertical="center" shrinkToFit="1"/>
    </xf>
    <xf numFmtId="176" fontId="18" fillId="0" borderId="4" xfId="0" applyNumberFormat="1" applyFont="1" applyFill="1" applyBorder="1" applyAlignment="1">
      <alignment horizontal="center" vertical="center" shrinkToFit="1"/>
    </xf>
    <xf numFmtId="176" fontId="18" fillId="2" borderId="19" xfId="0" applyNumberFormat="1" applyFont="1" applyFill="1" applyBorder="1" applyAlignment="1">
      <alignment horizontal="center" vertical="center" shrinkToFit="1"/>
    </xf>
    <xf numFmtId="176" fontId="18" fillId="0" borderId="6" xfId="0" applyNumberFormat="1" applyFont="1" applyFill="1" applyBorder="1" applyAlignment="1">
      <alignment horizontal="center" vertical="center" shrinkToFit="1"/>
    </xf>
    <xf numFmtId="176" fontId="18" fillId="2" borderId="21" xfId="0" applyNumberFormat="1" applyFont="1" applyFill="1" applyBorder="1" applyAlignment="1">
      <alignment horizontal="center" vertical="center" shrinkToFit="1"/>
    </xf>
  </cellXfs>
  <cellStyles count="4">
    <cellStyle name="標準" xfId="0" builtinId="0"/>
    <cellStyle name="標準 11 2" xfId="1" xr:uid="{00000000-0005-0000-0000-000001000000}"/>
    <cellStyle name="標準 3 3" xfId="3" xr:uid="{00000000-0005-0000-0000-000002000000}"/>
    <cellStyle name="標準 3 8" xfId="2" xr:uid="{00000000-0005-0000-0000-000003000000}"/>
  </cellStyles>
  <dxfs count="15">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0</xdr:col>
      <xdr:colOff>12700</xdr:colOff>
      <xdr:row>0</xdr:row>
      <xdr:rowOff>317500</xdr:rowOff>
    </xdr:from>
    <xdr:to>
      <xdr:col>23</xdr:col>
      <xdr:colOff>431800</xdr:colOff>
      <xdr:row>0</xdr:row>
      <xdr:rowOff>667067</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3944600" y="317500"/>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9</xdr:col>
      <xdr:colOff>15240</xdr:colOff>
      <xdr:row>0</xdr:row>
      <xdr:rowOff>320040</xdr:rowOff>
    </xdr:from>
    <xdr:to>
      <xdr:col>23</xdr:col>
      <xdr:colOff>0</xdr:colOff>
      <xdr:row>0</xdr:row>
      <xdr:rowOff>669607</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13472160" y="320040"/>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8</xdr:col>
      <xdr:colOff>38100</xdr:colOff>
      <xdr:row>0</xdr:row>
      <xdr:rowOff>330200</xdr:rowOff>
    </xdr:from>
    <xdr:to>
      <xdr:col>22</xdr:col>
      <xdr:colOff>12700</xdr:colOff>
      <xdr:row>0</xdr:row>
      <xdr:rowOff>679767</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13068300" y="330200"/>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0</xdr:col>
      <xdr:colOff>38100</xdr:colOff>
      <xdr:row>0</xdr:row>
      <xdr:rowOff>355600</xdr:rowOff>
    </xdr:from>
    <xdr:to>
      <xdr:col>24</xdr:col>
      <xdr:colOff>12700</xdr:colOff>
      <xdr:row>1</xdr:row>
      <xdr:rowOff>6667</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13931900" y="355600"/>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8</xdr:col>
      <xdr:colOff>45720</xdr:colOff>
      <xdr:row>0</xdr:row>
      <xdr:rowOff>335280</xdr:rowOff>
    </xdr:from>
    <xdr:to>
      <xdr:col>22</xdr:col>
      <xdr:colOff>30480</xdr:colOff>
      <xdr:row>0</xdr:row>
      <xdr:rowOff>684847</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13060680" y="335280"/>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8</xdr:col>
      <xdr:colOff>45721</xdr:colOff>
      <xdr:row>0</xdr:row>
      <xdr:rowOff>290513</xdr:rowOff>
    </xdr:from>
    <xdr:to>
      <xdr:col>22</xdr:col>
      <xdr:colOff>30481</xdr:colOff>
      <xdr:row>0</xdr:row>
      <xdr:rowOff>640080</xdr:rowOff>
    </xdr:to>
    <xdr:sp macro="" textlink="">
      <xdr:nvSpPr>
        <xdr:cNvPr id="4" name="正方形/長方形 3">
          <a:extLst>
            <a:ext uri="{FF2B5EF4-FFF2-40B4-BE49-F238E27FC236}">
              <a16:creationId xmlns:a16="http://schemas.microsoft.com/office/drawing/2014/main" id="{00000000-0008-0000-0500-000004000000}"/>
            </a:ext>
          </a:extLst>
        </xdr:cNvPr>
        <xdr:cNvSpPr/>
      </xdr:nvSpPr>
      <xdr:spPr>
        <a:xfrm>
          <a:off x="13502641" y="290513"/>
          <a:ext cx="1752600" cy="349567"/>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a:solidFill>
                <a:schemeClr val="tx1"/>
              </a:solidFill>
              <a:latin typeface="UD デジタル 教科書体 NK-B" panose="02020700000000000000" pitchFamily="18" charset="-128"/>
              <a:ea typeface="UD デジタル 教科書体 NK-B" panose="02020700000000000000" pitchFamily="18" charset="-128"/>
            </a:rPr>
            <a:t>ワークシート①</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46143</xdr:colOff>
      <xdr:row>0</xdr:row>
      <xdr:rowOff>210820</xdr:rowOff>
    </xdr:from>
    <xdr:to>
      <xdr:col>5</xdr:col>
      <xdr:colOff>586740</xdr:colOff>
      <xdr:row>1</xdr:row>
      <xdr:rowOff>7395</xdr:rowOff>
    </xdr:to>
    <xdr:grpSp>
      <xdr:nvGrpSpPr>
        <xdr:cNvPr id="13" name="グループ化 12">
          <a:extLst>
            <a:ext uri="{FF2B5EF4-FFF2-40B4-BE49-F238E27FC236}">
              <a16:creationId xmlns:a16="http://schemas.microsoft.com/office/drawing/2014/main" id="{00000000-0008-0000-0600-00000D000000}"/>
            </a:ext>
          </a:extLst>
        </xdr:cNvPr>
        <xdr:cNvGrpSpPr/>
      </xdr:nvGrpSpPr>
      <xdr:grpSpPr>
        <a:xfrm>
          <a:off x="48048" y="207010"/>
          <a:ext cx="10067502" cy="3588478"/>
          <a:chOff x="76199" y="163285"/>
          <a:chExt cx="9666514" cy="3592288"/>
        </a:xfrm>
      </xdr:grpSpPr>
      <xdr:grpSp>
        <xdr:nvGrpSpPr>
          <xdr:cNvPr id="14" name="グループ化 13">
            <a:extLst>
              <a:ext uri="{FF2B5EF4-FFF2-40B4-BE49-F238E27FC236}">
                <a16:creationId xmlns:a16="http://schemas.microsoft.com/office/drawing/2014/main" id="{00000000-0008-0000-0600-00000E000000}"/>
              </a:ext>
            </a:extLst>
          </xdr:cNvPr>
          <xdr:cNvGrpSpPr/>
        </xdr:nvGrpSpPr>
        <xdr:grpSpPr>
          <a:xfrm>
            <a:off x="76199" y="827316"/>
            <a:ext cx="9666514" cy="2928257"/>
            <a:chOff x="76199" y="1186544"/>
            <a:chExt cx="9666514" cy="2928257"/>
          </a:xfrm>
        </xdr:grpSpPr>
        <xdr:sp macro="" textlink="">
          <xdr:nvSpPr>
            <xdr:cNvPr id="18" name="正方形/長方形 17">
              <a:extLst>
                <a:ext uri="{FF2B5EF4-FFF2-40B4-BE49-F238E27FC236}">
                  <a16:creationId xmlns:a16="http://schemas.microsoft.com/office/drawing/2014/main" id="{00000000-0008-0000-0600-000012000000}"/>
                </a:ext>
              </a:extLst>
            </xdr:cNvPr>
            <xdr:cNvSpPr/>
          </xdr:nvSpPr>
          <xdr:spPr>
            <a:xfrm>
              <a:off x="163284" y="1611085"/>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普段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そうなった理由と考えられ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30628" y="2699660"/>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今後</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改善のために重要だ</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と考え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30628" y="3570515"/>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今後</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改善のために重要だ</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と考え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08857" y="3331032"/>
              <a:ext cx="5964555" cy="307975"/>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無回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sp macro="" textlink="">
          <xdr:nvSpPr>
            <xdr:cNvPr id="22" name="正方形/長方形 21">
              <a:extLst>
                <a:ext uri="{FF2B5EF4-FFF2-40B4-BE49-F238E27FC236}">
                  <a16:creationId xmlns:a16="http://schemas.microsoft.com/office/drawing/2014/main" id="{00000000-0008-0000-0600-000016000000}"/>
                </a:ext>
              </a:extLst>
            </xdr:cNvPr>
            <xdr:cNvSpPr/>
          </xdr:nvSpPr>
          <xdr:spPr>
            <a:xfrm>
              <a:off x="97972" y="2264229"/>
              <a:ext cx="5964555" cy="449489"/>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②課題のあった問題から、弱点やつまずきを明らかにして改善策を考えよう。</a:t>
              </a:r>
              <a:endPar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正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sp macro="" textlink="">
          <xdr:nvSpPr>
            <xdr:cNvPr id="23" name="正方形/長方形 22">
              <a:extLst>
                <a:ext uri="{FF2B5EF4-FFF2-40B4-BE49-F238E27FC236}">
                  <a16:creationId xmlns:a16="http://schemas.microsoft.com/office/drawing/2014/main" id="{00000000-0008-0000-0600-000017000000}"/>
                </a:ext>
              </a:extLst>
            </xdr:cNvPr>
            <xdr:cNvSpPr/>
          </xdr:nvSpPr>
          <xdr:spPr>
            <a:xfrm>
              <a:off x="76199" y="1186544"/>
              <a:ext cx="5964555" cy="449489"/>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①よく取り組めていた問題から、どのような授業や活動が効果的だったかを確かめよう。</a:t>
              </a:r>
              <a:endPar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正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grpSp>
      <xdr:grpSp>
        <xdr:nvGrpSpPr>
          <xdr:cNvPr id="15" name="グループ化 14">
            <a:extLst>
              <a:ext uri="{FF2B5EF4-FFF2-40B4-BE49-F238E27FC236}">
                <a16:creationId xmlns:a16="http://schemas.microsoft.com/office/drawing/2014/main" id="{00000000-0008-0000-0600-00000F000000}"/>
              </a:ext>
            </a:extLst>
          </xdr:cNvPr>
          <xdr:cNvGrpSpPr/>
        </xdr:nvGrpSpPr>
        <xdr:grpSpPr>
          <a:xfrm>
            <a:off x="97971" y="163285"/>
            <a:ext cx="7709162" cy="445204"/>
            <a:chOff x="0" y="0"/>
            <a:chExt cx="7038380" cy="445647"/>
          </a:xfrm>
        </xdr:grpSpPr>
        <xdr:sp macro="" textlink="">
          <xdr:nvSpPr>
            <xdr:cNvPr id="16" name="テキスト ボックス 174">
              <a:extLst>
                <a:ext uri="{FF2B5EF4-FFF2-40B4-BE49-F238E27FC236}">
                  <a16:creationId xmlns:a16="http://schemas.microsoft.com/office/drawing/2014/main" id="{00000000-0008-0000-0600-000010000000}"/>
                </a:ext>
              </a:extLst>
            </xdr:cNvPr>
            <xdr:cNvSpPr txBox="1"/>
          </xdr:nvSpPr>
          <xdr:spPr>
            <a:xfrm rot="21369341">
              <a:off x="0" y="0"/>
              <a:ext cx="1531620" cy="353695"/>
            </a:xfrm>
            <a:prstGeom prst="rect">
              <a:avLst/>
            </a:prstGeom>
            <a:solidFill>
              <a:sysClr val="window" lastClr="FFFFFF"/>
            </a:solidFill>
            <a:ln>
              <a:noFill/>
            </a:ln>
            <a:effectLst/>
          </xdr:spPr>
          <xdr:txBody>
            <a:bodyPr rot="0" spcFirstLastPara="0" vert="horz" wrap="square" lIns="74295" tIns="8890" rIns="74295" bIns="8890" numCol="1" spcCol="0" rtlCol="0" fromWordArt="0" anchor="t" anchorCtr="0" forceAA="0" compatLnSpc="1">
              <a:prstTxWarp prst="textNoShape">
                <a:avLst/>
              </a:prstTxWarp>
              <a:noAutofit/>
            </a:bodyPr>
            <a:lstStyle/>
            <a:p>
              <a:pPr algn="ctr">
                <a:spcAft>
                  <a:spcPts val="0"/>
                </a:spcAft>
              </a:pPr>
              <a:r>
                <a:rPr lang="ja-JP" sz="2400" b="1" kern="100">
                  <a:ln w="6604" cap="flat" cmpd="sng" algn="ctr">
                    <a:solidFill>
                      <a:srgbClr val="FFC000"/>
                    </a:solidFill>
                    <a:prstDash val="solid"/>
                    <a:round/>
                  </a:ln>
                  <a:solidFill>
                    <a:srgbClr val="FFFFFF"/>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ＣＨＥＣＫ</a:t>
              </a:r>
              <a:r>
                <a:rPr lang="en-US" sz="2400" b="1" kern="100">
                  <a:ln w="6604" cap="flat" cmpd="sng" algn="ctr">
                    <a:solidFill>
                      <a:srgbClr val="FFC000"/>
                    </a:solidFill>
                    <a:prstDash val="solid"/>
                    <a:round/>
                  </a:ln>
                  <a:solidFill>
                    <a:srgbClr val="FFFFFF"/>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17" name="テキスト ボックス 2385">
              <a:extLst>
                <a:ext uri="{FF2B5EF4-FFF2-40B4-BE49-F238E27FC236}">
                  <a16:creationId xmlns:a16="http://schemas.microsoft.com/office/drawing/2014/main" id="{00000000-0008-0000-0600-000011000000}"/>
                </a:ext>
              </a:extLst>
            </xdr:cNvPr>
            <xdr:cNvSpPr txBox="1"/>
          </xdr:nvSpPr>
          <xdr:spPr>
            <a:xfrm>
              <a:off x="1499190" y="31898"/>
              <a:ext cx="5539190" cy="413749"/>
            </a:xfrm>
            <a:prstGeom prst="rect">
              <a:avLst/>
            </a:prstGeom>
            <a:solidFill>
              <a:sysClr val="window" lastClr="FFFFFF"/>
            </a:solidFill>
            <a:ln>
              <a:noFill/>
            </a:ln>
            <a:effectLst/>
          </xdr:spPr>
          <xdr:txBody>
            <a:bodyPr rot="0" spcFirstLastPara="0" vert="horz" wrap="square" lIns="74295" tIns="8890" rIns="74295" bIns="8890" numCol="1" spcCol="0" rtlCol="0" fromWordArt="0" anchor="t" anchorCtr="0" forceAA="0" compatLnSpc="1">
              <a:prstTxWarp prst="textNoShape">
                <a:avLst/>
              </a:prstTxWarp>
              <a:noAutofit/>
            </a:bodyPr>
            <a:lstStyle/>
            <a:p>
              <a:pPr algn="ctr">
                <a:spcAft>
                  <a:spcPts val="0"/>
                </a:spcAft>
              </a:pPr>
              <a:r>
                <a:rPr 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自校の強みと課題を整理してみよう</a:t>
              </a:r>
              <a:r>
                <a:rPr lang="en-US" alt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r>
                <a:rPr lang="ja-JP" altLang="en-US"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小学校用</a:t>
              </a:r>
              <a:r>
                <a:rPr lang="en-US" alt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grpSp>
    </xdr:grpSp>
    <xdr:clientData/>
  </xdr:twoCellAnchor>
  <xdr:twoCellAnchor>
    <xdr:from>
      <xdr:col>4</xdr:col>
      <xdr:colOff>9525</xdr:colOff>
      <xdr:row>0</xdr:row>
      <xdr:rowOff>114300</xdr:rowOff>
    </xdr:from>
    <xdr:to>
      <xdr:col>5</xdr:col>
      <xdr:colOff>523875</xdr:colOff>
      <xdr:row>0</xdr:row>
      <xdr:rowOff>409575</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8620125" y="114300"/>
          <a:ext cx="1181100" cy="295275"/>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chemeClr val="tx1"/>
              </a:solidFill>
              <a:latin typeface="UD デジタル 教科書体 NK-B" panose="02020700000000000000" pitchFamily="18" charset="-128"/>
              <a:ea typeface="UD デジタル 教科書体 NK-B" panose="02020700000000000000" pitchFamily="18" charset="-128"/>
            </a:rPr>
            <a:t>ワークシート②</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2790</xdr:colOff>
      <xdr:row>0</xdr:row>
      <xdr:rowOff>228599</xdr:rowOff>
    </xdr:from>
    <xdr:to>
      <xdr:col>5</xdr:col>
      <xdr:colOff>444408</xdr:colOff>
      <xdr:row>1</xdr:row>
      <xdr:rowOff>7349</xdr:rowOff>
    </xdr:to>
    <xdr:grpSp>
      <xdr:nvGrpSpPr>
        <xdr:cNvPr id="19" name="グループ化 18">
          <a:extLst>
            <a:ext uri="{FF2B5EF4-FFF2-40B4-BE49-F238E27FC236}">
              <a16:creationId xmlns:a16="http://schemas.microsoft.com/office/drawing/2014/main" id="{00000000-0008-0000-0700-000013000000}"/>
            </a:ext>
          </a:extLst>
        </xdr:cNvPr>
        <xdr:cNvGrpSpPr/>
      </xdr:nvGrpSpPr>
      <xdr:grpSpPr>
        <a:xfrm>
          <a:off x="84636" y="228599"/>
          <a:ext cx="9636033" cy="3577048"/>
          <a:chOff x="76199" y="163285"/>
          <a:chExt cx="9666514" cy="3592288"/>
        </a:xfrm>
      </xdr:grpSpPr>
      <xdr:grpSp>
        <xdr:nvGrpSpPr>
          <xdr:cNvPr id="15" name="グループ化 14">
            <a:extLst>
              <a:ext uri="{FF2B5EF4-FFF2-40B4-BE49-F238E27FC236}">
                <a16:creationId xmlns:a16="http://schemas.microsoft.com/office/drawing/2014/main" id="{00000000-0008-0000-0700-00000F000000}"/>
              </a:ext>
            </a:extLst>
          </xdr:cNvPr>
          <xdr:cNvGrpSpPr/>
        </xdr:nvGrpSpPr>
        <xdr:grpSpPr>
          <a:xfrm>
            <a:off x="76199" y="827316"/>
            <a:ext cx="9666514" cy="2928257"/>
            <a:chOff x="76199" y="1186544"/>
            <a:chExt cx="9666514" cy="2928257"/>
          </a:xfrm>
        </xdr:grpSpPr>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3284" y="1611085"/>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普段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そうなった理由と考えられ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30628" y="2699660"/>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今後</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改善のために重要だ</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と考え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130628" y="3570515"/>
              <a:ext cx="9579429" cy="544286"/>
            </a:xfrm>
            <a:prstGeom prst="rect">
              <a:avLst/>
            </a:prstGeom>
            <a:solidFill>
              <a:srgbClr val="F9F687"/>
            </a:solidFill>
            <a:ln w="6350">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spcAft>
                  <a:spcPts val="0"/>
                </a:spcAft>
              </a:pP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今後</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の授業で、</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152400" algn="just">
                <a:spcAft>
                  <a:spcPts val="0"/>
                </a:spcAft>
              </a:pPr>
              <a:r>
                <a:rPr lang="en-US" sz="1200" kern="100">
                  <a:solidFill>
                    <a:srgbClr val="000000"/>
                  </a:solidFill>
                  <a:effectLst/>
                  <a:latin typeface="UD デジタル 教科書体 NK-R" panose="02020400000000000000" pitchFamily="18" charset="-128"/>
                  <a:ea typeface="ＭＳ 明朝" panose="02020609040205080304" pitchFamily="17"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　　　　　　　　　　　　　　　　　　　　　　　　　　　　　　　　　　　　　　　　　　　　　　　　　</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ことが、</a:t>
              </a:r>
              <a:r>
                <a:rPr lang="ja-JP" altLang="en-US"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改善のために重要だ</a:t>
              </a:r>
              <a:r>
                <a:rPr lang="ja-JP" sz="1200" kern="100">
                  <a:solidFill>
                    <a:srgbClr val="000000"/>
                  </a:solidFill>
                  <a:effectLst/>
                  <a:latin typeface="ＭＳ 明朝" panose="02020609040205080304" pitchFamily="17" charset="-128"/>
                  <a:ea typeface="UD デジタル 教科書体 NK-R" panose="02020400000000000000" pitchFamily="18" charset="-128"/>
                  <a:cs typeface="Times New Roman" panose="02020603050405020304" pitchFamily="18" charset="0"/>
                </a:rPr>
                <a:t>と考える。</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108857" y="3331032"/>
              <a:ext cx="5964555" cy="307975"/>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無回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97972" y="2264229"/>
              <a:ext cx="5964555" cy="449489"/>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②課題のあった問題から、弱点やつまずきを明らかにして改善策を考えよう。</a:t>
              </a:r>
              <a:endPar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正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6199" y="1186544"/>
              <a:ext cx="5964555" cy="449489"/>
            </a:xfrm>
            <a:prstGeom prst="rect">
              <a:avLst/>
            </a:prstGeom>
            <a:noFill/>
            <a:ln w="25400" cap="flat" cmpd="sng" algn="ctr">
              <a:noFill/>
              <a:prstDash val="solid"/>
            </a:ln>
            <a:effectLst/>
          </xdr:spPr>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①よく取り組めていた問題から、どのような授業や活動が効果的だったかを確かめよう。</a:t>
              </a:r>
              <a:endPar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a:p>
              <a:pPr algn="just">
                <a:lnSpc>
                  <a:spcPts val="1400"/>
                </a:lnSpc>
                <a:spcAft>
                  <a:spcPts val="0"/>
                </a:spcAft>
              </a:pP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正答率に注目すると</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問題番号</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r>
                <a:rPr lang="ja-JP" altLang="en-US"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　　　　　</a:t>
              </a:r>
              <a:r>
                <a:rPr lang="en-US" altLang="ja-JP" sz="1200" kern="100">
                  <a:solidFill>
                    <a:srgbClr val="000000"/>
                  </a:solidFill>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rPr>
                <a:t>】</a:t>
              </a:r>
              <a:endParaRPr lang="ja-JP" sz="1600" kern="100">
                <a:effectLst/>
                <a:latin typeface="UD デジタル 教科書体 NK-R" panose="02020400000000000000" pitchFamily="18" charset="-128"/>
                <a:ea typeface="UD デジタル 教科書体 NK-R" panose="02020400000000000000" pitchFamily="18" charset="-128"/>
                <a:cs typeface="Times New Roman" panose="02020603050405020304" pitchFamily="18" charset="0"/>
              </a:endParaRPr>
            </a:p>
          </xdr:txBody>
        </xdr:sp>
      </xdr:grpSp>
      <xdr:grpSp>
        <xdr:nvGrpSpPr>
          <xdr:cNvPr id="16" name="グループ化 15">
            <a:extLst>
              <a:ext uri="{FF2B5EF4-FFF2-40B4-BE49-F238E27FC236}">
                <a16:creationId xmlns:a16="http://schemas.microsoft.com/office/drawing/2014/main" id="{00000000-0008-0000-0700-000010000000}"/>
              </a:ext>
            </a:extLst>
          </xdr:cNvPr>
          <xdr:cNvGrpSpPr/>
        </xdr:nvGrpSpPr>
        <xdr:grpSpPr>
          <a:xfrm>
            <a:off x="97971" y="163285"/>
            <a:ext cx="7658028" cy="432435"/>
            <a:chOff x="0" y="0"/>
            <a:chExt cx="6991695" cy="432865"/>
          </a:xfrm>
        </xdr:grpSpPr>
        <xdr:sp macro="" textlink="">
          <xdr:nvSpPr>
            <xdr:cNvPr id="17" name="テキスト ボックス 174">
              <a:extLst>
                <a:ext uri="{FF2B5EF4-FFF2-40B4-BE49-F238E27FC236}">
                  <a16:creationId xmlns:a16="http://schemas.microsoft.com/office/drawing/2014/main" id="{00000000-0008-0000-0700-000011000000}"/>
                </a:ext>
              </a:extLst>
            </xdr:cNvPr>
            <xdr:cNvSpPr txBox="1"/>
          </xdr:nvSpPr>
          <xdr:spPr>
            <a:xfrm rot="21369341">
              <a:off x="0" y="0"/>
              <a:ext cx="1531620" cy="353695"/>
            </a:xfrm>
            <a:prstGeom prst="rect">
              <a:avLst/>
            </a:prstGeom>
            <a:solidFill>
              <a:sysClr val="window" lastClr="FFFFFF"/>
            </a:solidFill>
            <a:ln>
              <a:noFill/>
            </a:ln>
            <a:effectLst/>
          </xdr:spPr>
          <xdr:txBody>
            <a:bodyPr rot="0" spcFirstLastPara="0" vert="horz" wrap="square" lIns="74295" tIns="8890" rIns="74295" bIns="8890" numCol="1" spcCol="0" rtlCol="0" fromWordArt="0" anchor="t" anchorCtr="0" forceAA="0" compatLnSpc="1">
              <a:prstTxWarp prst="textNoShape">
                <a:avLst/>
              </a:prstTxWarp>
              <a:noAutofit/>
            </a:bodyPr>
            <a:lstStyle/>
            <a:p>
              <a:pPr algn="ctr">
                <a:spcAft>
                  <a:spcPts val="0"/>
                </a:spcAft>
              </a:pPr>
              <a:r>
                <a:rPr lang="ja-JP" sz="2400" b="1" kern="100">
                  <a:ln w="6604" cap="flat" cmpd="sng" algn="ctr">
                    <a:solidFill>
                      <a:srgbClr val="FFC000"/>
                    </a:solidFill>
                    <a:prstDash val="solid"/>
                    <a:round/>
                  </a:ln>
                  <a:solidFill>
                    <a:srgbClr val="FFFFFF"/>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ＣＨＥＣＫ</a:t>
              </a:r>
              <a:r>
                <a:rPr lang="en-US" sz="2400" b="1" kern="100">
                  <a:ln w="6604" cap="flat" cmpd="sng" algn="ctr">
                    <a:solidFill>
                      <a:srgbClr val="FFC000"/>
                    </a:solidFill>
                    <a:prstDash val="solid"/>
                    <a:round/>
                  </a:ln>
                  <a:solidFill>
                    <a:srgbClr val="FFFFFF"/>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18" name="テキスト ボックス 2385">
              <a:extLst>
                <a:ext uri="{FF2B5EF4-FFF2-40B4-BE49-F238E27FC236}">
                  <a16:creationId xmlns:a16="http://schemas.microsoft.com/office/drawing/2014/main" id="{00000000-0008-0000-0700-000012000000}"/>
                </a:ext>
              </a:extLst>
            </xdr:cNvPr>
            <xdr:cNvSpPr txBox="1"/>
          </xdr:nvSpPr>
          <xdr:spPr>
            <a:xfrm>
              <a:off x="1499189" y="31898"/>
              <a:ext cx="5492506" cy="400967"/>
            </a:xfrm>
            <a:prstGeom prst="rect">
              <a:avLst/>
            </a:prstGeom>
            <a:solidFill>
              <a:sysClr val="window" lastClr="FFFFFF"/>
            </a:solidFill>
            <a:ln>
              <a:noFill/>
            </a:ln>
            <a:effectLst/>
          </xdr:spPr>
          <xdr:txBody>
            <a:bodyPr rot="0" spcFirstLastPara="0" vert="horz" wrap="square" lIns="74295" tIns="8890" rIns="74295" bIns="8890" numCol="1" spcCol="0" rtlCol="0" fromWordArt="0" anchor="t" anchorCtr="0" forceAA="0" compatLnSpc="1">
              <a:prstTxWarp prst="textNoShape">
                <a:avLst/>
              </a:prstTxWarp>
              <a:noAutofit/>
            </a:bodyPr>
            <a:lstStyle/>
            <a:p>
              <a:pPr algn="ctr">
                <a:spcAft>
                  <a:spcPts val="0"/>
                </a:spcAft>
              </a:pPr>
              <a:r>
                <a:rPr 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自校の強みと課題を整理してみよう</a:t>
              </a:r>
              <a:r>
                <a:rPr lang="en-US" alt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r>
                <a:rPr lang="ja-JP" altLang="en-US"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中学校用</a:t>
              </a:r>
              <a:r>
                <a:rPr lang="en-US" altLang="ja-JP" sz="2200" b="1" kern="100">
                  <a:ln w="6604" cap="flat" cmpd="sng" algn="ctr">
                    <a:solidFill>
                      <a:srgbClr val="C0504D"/>
                    </a:solidFill>
                    <a:prstDash val="solid"/>
                    <a:round/>
                  </a:ln>
                  <a:solidFill>
                    <a:srgbClr val="FFC000"/>
                  </a:solidFill>
                  <a:effectLst>
                    <a:outerShdw dist="38100" dir="2700000" algn="tl">
                      <a:schemeClr val="accent2"/>
                    </a:outerShdw>
                  </a:effectLst>
                  <a:latin typeface="ＭＳ 明朝" panose="02020609040205080304" pitchFamily="17" charset="-128"/>
                  <a:ea typeface="HGP創英角ﾎﾟｯﾌﾟ体" panose="040B0A00000000000000" pitchFamily="50" charset="-128"/>
                  <a:cs typeface="Times New Roman" panose="02020603050405020304" pitchFamily="18" charset="0"/>
                </a:rPr>
                <a:t>】</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grpSp>
    </xdr:grpSp>
    <xdr:clientData/>
  </xdr:twoCellAnchor>
  <xdr:twoCellAnchor>
    <xdr:from>
      <xdr:col>4</xdr:col>
      <xdr:colOff>-1</xdr:colOff>
      <xdr:row>0</xdr:row>
      <xdr:rowOff>163286</xdr:rowOff>
    </xdr:from>
    <xdr:to>
      <xdr:col>5</xdr:col>
      <xdr:colOff>506185</xdr:colOff>
      <xdr:row>0</xdr:row>
      <xdr:rowOff>458561</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8621485" y="163286"/>
          <a:ext cx="1181100" cy="295275"/>
        </a:xfrm>
        <a:prstGeom prst="rect">
          <a:avLst/>
        </a:prstGeom>
        <a:solidFill>
          <a:schemeClr val="accent4"/>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chemeClr val="tx1"/>
              </a:solidFill>
              <a:latin typeface="UD デジタル 教科書体 NK-B" panose="02020700000000000000" pitchFamily="18" charset="-128"/>
              <a:ea typeface="UD デジタル 教科書体 NK-B" panose="02020700000000000000" pitchFamily="18" charset="-128"/>
            </a:rPr>
            <a:t>ワークシート②</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X20"/>
  <sheetViews>
    <sheetView view="pageBreakPreview" topLeftCell="A11" zoomScale="60" zoomScaleNormal="55" workbookViewId="0">
      <selection activeCell="S10" sqref="S10"/>
    </sheetView>
  </sheetViews>
  <sheetFormatPr defaultRowHeight="14.4" x14ac:dyDescent="0.2"/>
  <cols>
    <col min="1" max="1" width="4" customWidth="1"/>
    <col min="2" max="2" width="10.69921875" customWidth="1"/>
    <col min="3" max="3" width="18" customWidth="1"/>
    <col min="4" max="4" width="19.69921875" customWidth="1"/>
    <col min="5" max="6" width="25.19921875" customWidth="1"/>
    <col min="7" max="12" width="7.09765625" customWidth="1"/>
    <col min="13" max="24" width="5.69921875" customWidth="1"/>
    <col min="25" max="25" width="4.09765625" customWidth="1"/>
  </cols>
  <sheetData>
    <row r="1" spans="1:24" ht="55.2" customHeight="1" x14ac:dyDescent="0.2">
      <c r="A1" s="25"/>
      <c r="B1" s="184" t="s">
        <v>371</v>
      </c>
      <c r="C1" s="184"/>
      <c r="D1" s="184"/>
      <c r="E1" s="184"/>
      <c r="F1" s="184"/>
      <c r="G1" s="25"/>
      <c r="H1" s="25"/>
      <c r="I1" s="25"/>
      <c r="J1" s="25"/>
      <c r="K1" s="25"/>
      <c r="L1" s="25"/>
      <c r="M1" s="25"/>
      <c r="N1" s="25"/>
      <c r="O1" s="25"/>
      <c r="P1" s="25"/>
      <c r="Q1" s="25"/>
      <c r="R1" s="25"/>
      <c r="S1" s="25"/>
      <c r="T1" s="25"/>
      <c r="U1" s="25"/>
      <c r="V1" s="25"/>
      <c r="W1" s="25"/>
      <c r="X1" s="25"/>
    </row>
    <row r="2" spans="1:24" ht="55.2" customHeight="1" x14ac:dyDescent="0.2">
      <c r="A2" s="25"/>
      <c r="B2" s="187" t="s">
        <v>376</v>
      </c>
      <c r="C2" s="188"/>
      <c r="D2" s="188"/>
      <c r="E2" s="188"/>
      <c r="F2" s="188"/>
      <c r="G2" s="188"/>
      <c r="H2" s="188"/>
      <c r="I2" s="188"/>
      <c r="J2" s="188"/>
      <c r="K2" s="188"/>
      <c r="L2" s="188"/>
      <c r="M2" s="188"/>
      <c r="N2" s="188"/>
      <c r="O2" s="188"/>
      <c r="P2" s="188"/>
      <c r="Q2" s="188"/>
      <c r="R2" s="188"/>
      <c r="S2" s="188"/>
      <c r="T2" s="188"/>
      <c r="U2" s="188"/>
      <c r="V2" s="188"/>
      <c r="W2" s="188"/>
      <c r="X2" s="188"/>
    </row>
    <row r="3" spans="1:24" ht="30" customHeight="1" x14ac:dyDescent="0.25">
      <c r="A3" s="25"/>
      <c r="B3" s="185" t="s">
        <v>369</v>
      </c>
      <c r="C3" s="186"/>
      <c r="D3" s="186"/>
      <c r="E3" s="186"/>
      <c r="F3" s="186"/>
      <c r="G3" s="186"/>
      <c r="H3" s="186"/>
      <c r="I3" s="186"/>
      <c r="J3" s="186"/>
      <c r="K3" s="186"/>
      <c r="L3" s="186"/>
      <c r="M3" s="186"/>
      <c r="N3" s="186"/>
      <c r="O3" s="186"/>
      <c r="P3" s="186"/>
      <c r="Q3" s="186"/>
      <c r="R3" s="186"/>
      <c r="S3" s="186"/>
      <c r="T3" s="186"/>
      <c r="U3" s="186"/>
      <c r="V3" s="186"/>
      <c r="W3" s="186"/>
      <c r="X3" s="186"/>
    </row>
    <row r="4" spans="1:24" s="1" customFormat="1" ht="34.35" customHeight="1" x14ac:dyDescent="0.2">
      <c r="A4" s="26"/>
      <c r="B4" s="203" t="s">
        <v>129</v>
      </c>
      <c r="C4" s="206" t="s">
        <v>33</v>
      </c>
      <c r="D4" s="207"/>
      <c r="E4" s="196" t="s">
        <v>2</v>
      </c>
      <c r="F4" s="197"/>
      <c r="G4" s="216" t="s">
        <v>34</v>
      </c>
      <c r="H4" s="217"/>
      <c r="I4" s="217"/>
      <c r="J4" s="217"/>
      <c r="K4" s="218"/>
      <c r="L4" s="219"/>
      <c r="M4" s="206" t="s">
        <v>4</v>
      </c>
      <c r="N4" s="207"/>
      <c r="O4" s="220"/>
      <c r="P4" s="196" t="s">
        <v>86</v>
      </c>
      <c r="Q4" s="197"/>
      <c r="R4" s="197"/>
      <c r="S4" s="194" t="s">
        <v>5</v>
      </c>
      <c r="T4" s="194"/>
      <c r="U4" s="194"/>
      <c r="V4" s="193" t="s">
        <v>6</v>
      </c>
      <c r="W4" s="194"/>
      <c r="X4" s="194"/>
    </row>
    <row r="5" spans="1:24" s="1" customFormat="1" ht="34.35" customHeight="1" thickBot="1" x14ac:dyDescent="0.25">
      <c r="A5" s="25"/>
      <c r="B5" s="204"/>
      <c r="C5" s="208"/>
      <c r="D5" s="209"/>
      <c r="E5" s="212"/>
      <c r="F5" s="213"/>
      <c r="G5" s="216" t="s">
        <v>35</v>
      </c>
      <c r="H5" s="217"/>
      <c r="I5" s="222"/>
      <c r="J5" s="223" t="s">
        <v>36</v>
      </c>
      <c r="K5" s="223"/>
      <c r="L5" s="224"/>
      <c r="M5" s="210"/>
      <c r="N5" s="211"/>
      <c r="O5" s="221"/>
      <c r="P5" s="198"/>
      <c r="Q5" s="199"/>
      <c r="R5" s="199"/>
      <c r="S5" s="194"/>
      <c r="T5" s="194"/>
      <c r="U5" s="194"/>
      <c r="V5" s="193"/>
      <c r="W5" s="194"/>
      <c r="X5" s="194"/>
    </row>
    <row r="6" spans="1:24" s="1" customFormat="1" ht="300" customHeight="1" x14ac:dyDescent="0.2">
      <c r="A6" s="26"/>
      <c r="B6" s="205"/>
      <c r="C6" s="210"/>
      <c r="D6" s="211"/>
      <c r="E6" s="214"/>
      <c r="F6" s="215"/>
      <c r="G6" s="27" t="s">
        <v>37</v>
      </c>
      <c r="H6" s="28" t="s">
        <v>38</v>
      </c>
      <c r="I6" s="29" t="s">
        <v>39</v>
      </c>
      <c r="J6" s="30" t="s">
        <v>40</v>
      </c>
      <c r="K6" s="31" t="s">
        <v>41</v>
      </c>
      <c r="L6" s="32" t="s">
        <v>42</v>
      </c>
      <c r="M6" s="30" t="s">
        <v>12</v>
      </c>
      <c r="N6" s="31" t="s">
        <v>13</v>
      </c>
      <c r="O6" s="32" t="s">
        <v>14</v>
      </c>
      <c r="P6" s="33" t="s">
        <v>87</v>
      </c>
      <c r="Q6" s="31" t="s">
        <v>88</v>
      </c>
      <c r="R6" s="34" t="s">
        <v>89</v>
      </c>
      <c r="S6" s="35" t="s">
        <v>15</v>
      </c>
      <c r="T6" s="36" t="s">
        <v>16</v>
      </c>
      <c r="U6" s="37" t="s">
        <v>108</v>
      </c>
      <c r="V6" s="38" t="s">
        <v>15</v>
      </c>
      <c r="W6" s="36" t="s">
        <v>16</v>
      </c>
      <c r="X6" s="37" t="s">
        <v>108</v>
      </c>
    </row>
    <row r="7" spans="1:24" s="1" customFormat="1" ht="89.4" customHeight="1" x14ac:dyDescent="0.2">
      <c r="A7" s="26"/>
      <c r="B7" s="39" t="s">
        <v>43</v>
      </c>
      <c r="C7" s="191" t="s">
        <v>391</v>
      </c>
      <c r="D7" s="195"/>
      <c r="E7" s="191" t="s">
        <v>392</v>
      </c>
      <c r="F7" s="192"/>
      <c r="G7" s="40" t="s">
        <v>90</v>
      </c>
      <c r="H7" s="41" t="s">
        <v>90</v>
      </c>
      <c r="I7" s="42" t="s">
        <v>90</v>
      </c>
      <c r="J7" s="40" t="s">
        <v>91</v>
      </c>
      <c r="K7" s="43" t="s">
        <v>90</v>
      </c>
      <c r="L7" s="44" t="s">
        <v>90</v>
      </c>
      <c r="M7" s="43" t="s">
        <v>90</v>
      </c>
      <c r="N7" s="41" t="s">
        <v>19</v>
      </c>
      <c r="O7" s="44" t="s">
        <v>90</v>
      </c>
      <c r="P7" s="40" t="s">
        <v>19</v>
      </c>
      <c r="Q7" s="41" t="s">
        <v>90</v>
      </c>
      <c r="R7" s="42" t="s">
        <v>90</v>
      </c>
      <c r="S7" s="333">
        <v>53.6</v>
      </c>
      <c r="T7" s="45">
        <v>53.3</v>
      </c>
      <c r="U7" s="10"/>
      <c r="V7" s="8">
        <v>0.9</v>
      </c>
      <c r="W7" s="9">
        <v>0.5</v>
      </c>
      <c r="X7" s="10"/>
    </row>
    <row r="8" spans="1:24" s="1" customFormat="1" ht="89.4" customHeight="1" x14ac:dyDescent="0.2">
      <c r="A8" s="26"/>
      <c r="B8" s="39" t="s">
        <v>92</v>
      </c>
      <c r="C8" s="191" t="s">
        <v>390</v>
      </c>
      <c r="D8" s="195"/>
      <c r="E8" s="191" t="s">
        <v>393</v>
      </c>
      <c r="F8" s="192"/>
      <c r="G8" s="40" t="s">
        <v>90</v>
      </c>
      <c r="H8" s="41" t="s">
        <v>93</v>
      </c>
      <c r="I8" s="42" t="s">
        <v>90</v>
      </c>
      <c r="J8" s="40" t="s">
        <v>90</v>
      </c>
      <c r="K8" s="43" t="s">
        <v>90</v>
      </c>
      <c r="L8" s="44" t="s">
        <v>90</v>
      </c>
      <c r="M8" s="43" t="s">
        <v>19</v>
      </c>
      <c r="N8" s="41" t="s">
        <v>90</v>
      </c>
      <c r="O8" s="44" t="s">
        <v>90</v>
      </c>
      <c r="P8" s="40" t="s">
        <v>19</v>
      </c>
      <c r="Q8" s="41" t="s">
        <v>90</v>
      </c>
      <c r="R8" s="42" t="s">
        <v>90</v>
      </c>
      <c r="S8" s="333">
        <v>63.7</v>
      </c>
      <c r="T8" s="45">
        <v>63.1</v>
      </c>
      <c r="U8" s="10"/>
      <c r="V8" s="8">
        <v>0.8</v>
      </c>
      <c r="W8" s="9">
        <v>0.5</v>
      </c>
      <c r="X8" s="10"/>
    </row>
    <row r="9" spans="1:24" s="1" customFormat="1" ht="89.4" customHeight="1" x14ac:dyDescent="0.2">
      <c r="A9" s="26"/>
      <c r="B9" s="39" t="s">
        <v>94</v>
      </c>
      <c r="C9" s="191" t="s">
        <v>389</v>
      </c>
      <c r="D9" s="195"/>
      <c r="E9" s="191" t="s">
        <v>394</v>
      </c>
      <c r="F9" s="192"/>
      <c r="G9" s="40" t="s">
        <v>90</v>
      </c>
      <c r="H9" s="41" t="s">
        <v>90</v>
      </c>
      <c r="I9" s="42" t="s">
        <v>90</v>
      </c>
      <c r="J9" s="40" t="s">
        <v>95</v>
      </c>
      <c r="K9" s="43" t="s">
        <v>90</v>
      </c>
      <c r="L9" s="44" t="s">
        <v>90</v>
      </c>
      <c r="M9" s="43" t="s">
        <v>90</v>
      </c>
      <c r="N9" s="41" t="s">
        <v>19</v>
      </c>
      <c r="O9" s="44" t="s">
        <v>90</v>
      </c>
      <c r="P9" s="40" t="s">
        <v>19</v>
      </c>
      <c r="Q9" s="41" t="s">
        <v>90</v>
      </c>
      <c r="R9" s="42" t="s">
        <v>90</v>
      </c>
      <c r="S9" s="333">
        <v>71.5</v>
      </c>
      <c r="T9" s="45">
        <v>71.8</v>
      </c>
      <c r="U9" s="10"/>
      <c r="V9" s="8">
        <v>0.9</v>
      </c>
      <c r="W9" s="9">
        <v>0.6</v>
      </c>
      <c r="X9" s="10"/>
    </row>
    <row r="10" spans="1:24" s="1" customFormat="1" ht="89.4" customHeight="1" x14ac:dyDescent="0.2">
      <c r="A10" s="26"/>
      <c r="B10" s="39" t="s">
        <v>96</v>
      </c>
      <c r="C10" s="191" t="s">
        <v>388</v>
      </c>
      <c r="D10" s="195"/>
      <c r="E10" s="191" t="s">
        <v>395</v>
      </c>
      <c r="F10" s="192"/>
      <c r="G10" s="40" t="s">
        <v>90</v>
      </c>
      <c r="H10" s="41" t="s">
        <v>90</v>
      </c>
      <c r="I10" s="42" t="s">
        <v>90</v>
      </c>
      <c r="J10" s="40" t="s">
        <v>95</v>
      </c>
      <c r="K10" s="43" t="s">
        <v>90</v>
      </c>
      <c r="L10" s="44" t="s">
        <v>90</v>
      </c>
      <c r="M10" s="43" t="s">
        <v>90</v>
      </c>
      <c r="N10" s="41" t="s">
        <v>19</v>
      </c>
      <c r="O10" s="44" t="s">
        <v>90</v>
      </c>
      <c r="P10" s="40" t="s">
        <v>19</v>
      </c>
      <c r="Q10" s="41" t="s">
        <v>90</v>
      </c>
      <c r="R10" s="42" t="s">
        <v>90</v>
      </c>
      <c r="S10" s="333">
        <v>74.2</v>
      </c>
      <c r="T10" s="45">
        <v>73.7</v>
      </c>
      <c r="U10" s="10"/>
      <c r="V10" s="8">
        <v>0.9</v>
      </c>
      <c r="W10" s="9">
        <v>0.6</v>
      </c>
      <c r="X10" s="10"/>
    </row>
    <row r="11" spans="1:24" s="1" customFormat="1" ht="89.4" customHeight="1" x14ac:dyDescent="0.2">
      <c r="A11" s="26"/>
      <c r="B11" s="39" t="s">
        <v>97</v>
      </c>
      <c r="C11" s="191" t="s">
        <v>387</v>
      </c>
      <c r="D11" s="195"/>
      <c r="E11" s="191" t="s">
        <v>467</v>
      </c>
      <c r="F11" s="192"/>
      <c r="G11" s="40" t="s">
        <v>90</v>
      </c>
      <c r="H11" s="41" t="s">
        <v>90</v>
      </c>
      <c r="I11" s="42" t="s">
        <v>90</v>
      </c>
      <c r="J11" s="40" t="s">
        <v>90</v>
      </c>
      <c r="K11" s="43" t="s">
        <v>98</v>
      </c>
      <c r="L11" s="44" t="s">
        <v>90</v>
      </c>
      <c r="M11" s="41" t="s">
        <v>90</v>
      </c>
      <c r="N11" s="41" t="s">
        <v>19</v>
      </c>
      <c r="O11" s="44" t="s">
        <v>90</v>
      </c>
      <c r="P11" s="40" t="s">
        <v>19</v>
      </c>
      <c r="Q11" s="41" t="s">
        <v>90</v>
      </c>
      <c r="R11" s="42" t="s">
        <v>90</v>
      </c>
      <c r="S11" s="333">
        <v>66.400000000000006</v>
      </c>
      <c r="T11" s="45">
        <v>65.5</v>
      </c>
      <c r="U11" s="10"/>
      <c r="V11" s="8">
        <v>1.2</v>
      </c>
      <c r="W11" s="9">
        <v>0.8</v>
      </c>
      <c r="X11" s="10"/>
    </row>
    <row r="12" spans="1:24" s="1" customFormat="1" ht="89.4" customHeight="1" x14ac:dyDescent="0.2">
      <c r="A12" s="26"/>
      <c r="B12" s="39" t="s">
        <v>45</v>
      </c>
      <c r="C12" s="189" t="s">
        <v>468</v>
      </c>
      <c r="D12" s="190"/>
      <c r="E12" s="191" t="s">
        <v>396</v>
      </c>
      <c r="F12" s="192"/>
      <c r="G12" s="40" t="s">
        <v>90</v>
      </c>
      <c r="H12" s="41" t="s">
        <v>90</v>
      </c>
      <c r="I12" s="42" t="s">
        <v>90</v>
      </c>
      <c r="J12" s="40" t="s">
        <v>90</v>
      </c>
      <c r="K12" s="43" t="s">
        <v>95</v>
      </c>
      <c r="L12" s="44" t="s">
        <v>90</v>
      </c>
      <c r="M12" s="43" t="s">
        <v>90</v>
      </c>
      <c r="N12" s="41" t="s">
        <v>19</v>
      </c>
      <c r="O12" s="44" t="s">
        <v>90</v>
      </c>
      <c r="P12" s="40" t="s">
        <v>19</v>
      </c>
      <c r="Q12" s="41" t="s">
        <v>90</v>
      </c>
      <c r="R12" s="42" t="s">
        <v>90</v>
      </c>
      <c r="S12" s="333">
        <v>83.2</v>
      </c>
      <c r="T12" s="45">
        <v>81.8</v>
      </c>
      <c r="U12" s="10"/>
      <c r="V12" s="8">
        <v>1.2</v>
      </c>
      <c r="W12" s="9">
        <v>0.8</v>
      </c>
      <c r="X12" s="10"/>
    </row>
    <row r="13" spans="1:24" s="1" customFormat="1" ht="89.4" customHeight="1" x14ac:dyDescent="0.2">
      <c r="A13" s="26"/>
      <c r="B13" s="39" t="s">
        <v>99</v>
      </c>
      <c r="C13" s="191" t="s">
        <v>469</v>
      </c>
      <c r="D13" s="195"/>
      <c r="E13" s="191" t="s">
        <v>397</v>
      </c>
      <c r="F13" s="192"/>
      <c r="G13" s="40" t="s">
        <v>90</v>
      </c>
      <c r="H13" s="41" t="s">
        <v>90</v>
      </c>
      <c r="I13" s="42" t="s">
        <v>90</v>
      </c>
      <c r="J13" s="40" t="s">
        <v>90</v>
      </c>
      <c r="K13" s="43" t="s">
        <v>100</v>
      </c>
      <c r="L13" s="44" t="s">
        <v>90</v>
      </c>
      <c r="M13" s="43" t="s">
        <v>90</v>
      </c>
      <c r="N13" s="41" t="s">
        <v>19</v>
      </c>
      <c r="O13" s="44" t="s">
        <v>90</v>
      </c>
      <c r="P13" s="40" t="s">
        <v>90</v>
      </c>
      <c r="Q13" s="41" t="s">
        <v>90</v>
      </c>
      <c r="R13" s="42" t="s">
        <v>19</v>
      </c>
      <c r="S13" s="333">
        <v>60</v>
      </c>
      <c r="T13" s="45">
        <v>61.3</v>
      </c>
      <c r="U13" s="10"/>
      <c r="V13" s="8">
        <v>5.6</v>
      </c>
      <c r="W13" s="9">
        <v>5</v>
      </c>
      <c r="X13" s="10"/>
    </row>
    <row r="14" spans="1:24" s="1" customFormat="1" ht="89.4" customHeight="1" x14ac:dyDescent="0.2">
      <c r="A14" s="26"/>
      <c r="B14" s="46" t="s">
        <v>101</v>
      </c>
      <c r="C14" s="189" t="s">
        <v>475</v>
      </c>
      <c r="D14" s="190"/>
      <c r="E14" s="200" t="s">
        <v>398</v>
      </c>
      <c r="F14" s="200"/>
      <c r="G14" s="40" t="s">
        <v>95</v>
      </c>
      <c r="H14" s="41" t="s">
        <v>90</v>
      </c>
      <c r="I14" s="42" t="s">
        <v>90</v>
      </c>
      <c r="J14" s="40" t="s">
        <v>90</v>
      </c>
      <c r="K14" s="43" t="s">
        <v>90</v>
      </c>
      <c r="L14" s="44" t="s">
        <v>90</v>
      </c>
      <c r="M14" s="43" t="s">
        <v>19</v>
      </c>
      <c r="N14" s="41" t="s">
        <v>90</v>
      </c>
      <c r="O14" s="44" t="s">
        <v>90</v>
      </c>
      <c r="P14" s="40" t="s">
        <v>90</v>
      </c>
      <c r="Q14" s="41" t="s">
        <v>19</v>
      </c>
      <c r="R14" s="42" t="s">
        <v>90</v>
      </c>
      <c r="S14" s="333">
        <v>79.900000000000006</v>
      </c>
      <c r="T14" s="45">
        <v>81.599999999999994</v>
      </c>
      <c r="U14" s="10"/>
      <c r="V14" s="8">
        <v>9.6999999999999993</v>
      </c>
      <c r="W14" s="9">
        <v>7.2</v>
      </c>
      <c r="X14" s="10"/>
    </row>
    <row r="15" spans="1:24" s="1" customFormat="1" ht="89.4" customHeight="1" x14ac:dyDescent="0.2">
      <c r="A15" s="26"/>
      <c r="B15" s="46" t="s">
        <v>102</v>
      </c>
      <c r="C15" s="189" t="s">
        <v>476</v>
      </c>
      <c r="D15" s="190"/>
      <c r="E15" s="201" t="s">
        <v>398</v>
      </c>
      <c r="F15" s="202"/>
      <c r="G15" s="40" t="s">
        <v>95</v>
      </c>
      <c r="H15" s="41" t="s">
        <v>90</v>
      </c>
      <c r="I15" s="42" t="s">
        <v>90</v>
      </c>
      <c r="J15" s="40" t="s">
        <v>90</v>
      </c>
      <c r="K15" s="43" t="s">
        <v>90</v>
      </c>
      <c r="L15" s="44" t="s">
        <v>90</v>
      </c>
      <c r="M15" s="43" t="s">
        <v>19</v>
      </c>
      <c r="N15" s="41" t="s">
        <v>90</v>
      </c>
      <c r="O15" s="44" t="s">
        <v>90</v>
      </c>
      <c r="P15" s="40" t="s">
        <v>90</v>
      </c>
      <c r="Q15" s="41" t="s">
        <v>19</v>
      </c>
      <c r="R15" s="42" t="s">
        <v>90</v>
      </c>
      <c r="S15" s="333">
        <v>66.7</v>
      </c>
      <c r="T15" s="45">
        <v>72.099999999999994</v>
      </c>
      <c r="U15" s="10"/>
      <c r="V15" s="8">
        <v>6.4</v>
      </c>
      <c r="W15" s="9">
        <v>4.3</v>
      </c>
      <c r="X15" s="10"/>
    </row>
    <row r="16" spans="1:24" s="1" customFormat="1" ht="89.4" customHeight="1" x14ac:dyDescent="0.2">
      <c r="A16" s="26"/>
      <c r="B16" s="39" t="s">
        <v>46</v>
      </c>
      <c r="C16" s="189" t="s">
        <v>470</v>
      </c>
      <c r="D16" s="190"/>
      <c r="E16" s="191" t="s">
        <v>399</v>
      </c>
      <c r="F16" s="192"/>
      <c r="G16" s="40" t="s">
        <v>90</v>
      </c>
      <c r="H16" s="41" t="s">
        <v>90</v>
      </c>
      <c r="I16" s="42" t="s">
        <v>100</v>
      </c>
      <c r="J16" s="40" t="s">
        <v>90</v>
      </c>
      <c r="K16" s="43" t="s">
        <v>90</v>
      </c>
      <c r="L16" s="44" t="s">
        <v>90</v>
      </c>
      <c r="M16" s="43" t="s">
        <v>19</v>
      </c>
      <c r="N16" s="41" t="s">
        <v>90</v>
      </c>
      <c r="O16" s="44" t="s">
        <v>90</v>
      </c>
      <c r="P16" s="40" t="s">
        <v>19</v>
      </c>
      <c r="Q16" s="41" t="s">
        <v>90</v>
      </c>
      <c r="R16" s="42" t="s">
        <v>90</v>
      </c>
      <c r="S16" s="333">
        <v>81.3</v>
      </c>
      <c r="T16" s="45">
        <v>81.2</v>
      </c>
      <c r="U16" s="10"/>
      <c r="V16" s="8">
        <v>2</v>
      </c>
      <c r="W16" s="9">
        <v>1.3</v>
      </c>
      <c r="X16" s="10"/>
    </row>
    <row r="17" spans="1:24" s="1" customFormat="1" ht="89.4" customHeight="1" x14ac:dyDescent="0.2">
      <c r="A17" s="26"/>
      <c r="B17" s="39" t="s">
        <v>103</v>
      </c>
      <c r="C17" s="189" t="s">
        <v>386</v>
      </c>
      <c r="D17" s="190"/>
      <c r="E17" s="191" t="s">
        <v>400</v>
      </c>
      <c r="F17" s="192"/>
      <c r="G17" s="40" t="s">
        <v>90</v>
      </c>
      <c r="H17" s="41" t="s">
        <v>90</v>
      </c>
      <c r="I17" s="42" t="s">
        <v>90</v>
      </c>
      <c r="J17" s="40" t="s">
        <v>90</v>
      </c>
      <c r="K17" s="43" t="s">
        <v>90</v>
      </c>
      <c r="L17" s="44" t="s">
        <v>104</v>
      </c>
      <c r="M17" s="43" t="s">
        <v>90</v>
      </c>
      <c r="N17" s="41" t="s">
        <v>19</v>
      </c>
      <c r="O17" s="44" t="s">
        <v>90</v>
      </c>
      <c r="P17" s="40" t="s">
        <v>90</v>
      </c>
      <c r="Q17" s="41" t="s">
        <v>19</v>
      </c>
      <c r="R17" s="42" t="s">
        <v>90</v>
      </c>
      <c r="S17" s="333">
        <v>81.3</v>
      </c>
      <c r="T17" s="45">
        <v>81.599999999999994</v>
      </c>
      <c r="U17" s="10"/>
      <c r="V17" s="8">
        <v>3.9</v>
      </c>
      <c r="W17" s="9">
        <v>2.9</v>
      </c>
      <c r="X17" s="10"/>
    </row>
    <row r="18" spans="1:24" s="1" customFormat="1" ht="89.4" customHeight="1" x14ac:dyDescent="0.2">
      <c r="A18" s="26"/>
      <c r="B18" s="39" t="s">
        <v>105</v>
      </c>
      <c r="C18" s="189" t="s">
        <v>385</v>
      </c>
      <c r="D18" s="190"/>
      <c r="E18" s="191" t="s">
        <v>401</v>
      </c>
      <c r="F18" s="192"/>
      <c r="G18" s="40" t="s">
        <v>90</v>
      </c>
      <c r="H18" s="41" t="s">
        <v>90</v>
      </c>
      <c r="I18" s="42" t="s">
        <v>90</v>
      </c>
      <c r="J18" s="40" t="s">
        <v>90</v>
      </c>
      <c r="K18" s="47" t="s">
        <v>90</v>
      </c>
      <c r="L18" s="44" t="s">
        <v>91</v>
      </c>
      <c r="M18" s="43" t="s">
        <v>90</v>
      </c>
      <c r="N18" s="41" t="s">
        <v>19</v>
      </c>
      <c r="O18" s="44" t="s">
        <v>90</v>
      </c>
      <c r="P18" s="40" t="s">
        <v>19</v>
      </c>
      <c r="Q18" s="41" t="s">
        <v>90</v>
      </c>
      <c r="R18" s="42" t="s">
        <v>90</v>
      </c>
      <c r="S18" s="333">
        <v>52.4</v>
      </c>
      <c r="T18" s="45">
        <v>51.3</v>
      </c>
      <c r="U18" s="10"/>
      <c r="V18" s="8">
        <v>3.4</v>
      </c>
      <c r="W18" s="9">
        <v>2.4</v>
      </c>
      <c r="X18" s="10"/>
    </row>
    <row r="19" spans="1:24" s="1" customFormat="1" ht="89.4" customHeight="1" x14ac:dyDescent="0.2">
      <c r="A19" s="26"/>
      <c r="B19" s="39" t="s">
        <v>106</v>
      </c>
      <c r="C19" s="189" t="s">
        <v>384</v>
      </c>
      <c r="D19" s="190"/>
      <c r="E19" s="191" t="s">
        <v>402</v>
      </c>
      <c r="F19" s="192"/>
      <c r="G19" s="40" t="s">
        <v>90</v>
      </c>
      <c r="H19" s="41" t="s">
        <v>90</v>
      </c>
      <c r="I19" s="42" t="s">
        <v>90</v>
      </c>
      <c r="J19" s="40" t="s">
        <v>90</v>
      </c>
      <c r="K19" s="43" t="s">
        <v>90</v>
      </c>
      <c r="L19" s="44" t="s">
        <v>100</v>
      </c>
      <c r="M19" s="43" t="s">
        <v>90</v>
      </c>
      <c r="N19" s="41" t="s">
        <v>19</v>
      </c>
      <c r="O19" s="44" t="s">
        <v>90</v>
      </c>
      <c r="P19" s="40" t="s">
        <v>19</v>
      </c>
      <c r="Q19" s="41" t="s">
        <v>90</v>
      </c>
      <c r="R19" s="42" t="s">
        <v>90</v>
      </c>
      <c r="S19" s="333">
        <v>42.7</v>
      </c>
      <c r="T19" s="45">
        <v>40.799999999999997</v>
      </c>
      <c r="U19" s="10"/>
      <c r="V19" s="8">
        <v>4.8</v>
      </c>
      <c r="W19" s="9">
        <v>3.4</v>
      </c>
      <c r="X19" s="10"/>
    </row>
    <row r="20" spans="1:24" s="1" customFormat="1" ht="89.4" customHeight="1" thickBot="1" x14ac:dyDescent="0.25">
      <c r="A20" s="26"/>
      <c r="B20" s="39" t="s">
        <v>107</v>
      </c>
      <c r="C20" s="189" t="s">
        <v>383</v>
      </c>
      <c r="D20" s="190"/>
      <c r="E20" s="191" t="s">
        <v>402</v>
      </c>
      <c r="F20" s="192"/>
      <c r="G20" s="40" t="s">
        <v>90</v>
      </c>
      <c r="H20" s="41" t="s">
        <v>90</v>
      </c>
      <c r="I20" s="42" t="s">
        <v>90</v>
      </c>
      <c r="J20" s="40" t="s">
        <v>90</v>
      </c>
      <c r="K20" s="43" t="s">
        <v>90</v>
      </c>
      <c r="L20" s="44" t="s">
        <v>100</v>
      </c>
      <c r="M20" s="43" t="s">
        <v>90</v>
      </c>
      <c r="N20" s="41" t="s">
        <v>19</v>
      </c>
      <c r="O20" s="44" t="s">
        <v>90</v>
      </c>
      <c r="P20" s="40" t="s">
        <v>90</v>
      </c>
      <c r="Q20" s="41" t="s">
        <v>90</v>
      </c>
      <c r="R20" s="42" t="s">
        <v>19</v>
      </c>
      <c r="S20" s="333">
        <v>53.5</v>
      </c>
      <c r="T20" s="45">
        <v>56.3</v>
      </c>
      <c r="U20" s="11"/>
      <c r="V20" s="8">
        <v>20.2</v>
      </c>
      <c r="W20" s="9">
        <v>16.2</v>
      </c>
      <c r="X20" s="11"/>
    </row>
  </sheetData>
  <mergeCells count="41">
    <mergeCell ref="M4:O5"/>
    <mergeCell ref="G5:I5"/>
    <mergeCell ref="J5:L5"/>
    <mergeCell ref="C7:D7"/>
    <mergeCell ref="E7:F7"/>
    <mergeCell ref="B4:B6"/>
    <mergeCell ref="C4:D6"/>
    <mergeCell ref="E4:F6"/>
    <mergeCell ref="G4:L4"/>
    <mergeCell ref="C19:D19"/>
    <mergeCell ref="E19:F19"/>
    <mergeCell ref="C20:D20"/>
    <mergeCell ref="E20:F20"/>
    <mergeCell ref="C10:D10"/>
    <mergeCell ref="E10:F10"/>
    <mergeCell ref="C17:D17"/>
    <mergeCell ref="E17:F17"/>
    <mergeCell ref="C11:D11"/>
    <mergeCell ref="E11:F11"/>
    <mergeCell ref="C12:D12"/>
    <mergeCell ref="E12:F12"/>
    <mergeCell ref="C13:D13"/>
    <mergeCell ref="E13:F13"/>
    <mergeCell ref="E14:F14"/>
    <mergeCell ref="E15:F15"/>
    <mergeCell ref="B1:F1"/>
    <mergeCell ref="B3:X3"/>
    <mergeCell ref="B2:X2"/>
    <mergeCell ref="C18:D18"/>
    <mergeCell ref="E18:F18"/>
    <mergeCell ref="C14:D14"/>
    <mergeCell ref="C15:D15"/>
    <mergeCell ref="C16:D16"/>
    <mergeCell ref="E16:F16"/>
    <mergeCell ref="V4:X5"/>
    <mergeCell ref="C8:D8"/>
    <mergeCell ref="E8:F8"/>
    <mergeCell ref="C9:D9"/>
    <mergeCell ref="E9:F9"/>
    <mergeCell ref="P4:R5"/>
    <mergeCell ref="S4:U5"/>
  </mergeCells>
  <phoneticPr fontId="2"/>
  <conditionalFormatting sqref="B7:B20">
    <cfRule type="expression" dxfId="14" priority="1">
      <formula>LEN(#REF!)&gt;5</formula>
    </cfRule>
  </conditionalFormatting>
  <pageMargins left="0.25" right="0.25" top="0.75" bottom="0.75" header="0.3" footer="0.3"/>
  <pageSetup paperSize="9" scale="42"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Y21"/>
  <sheetViews>
    <sheetView tabSelected="1" view="pageBreakPreview" topLeftCell="A14" zoomScale="50" zoomScaleNormal="55" zoomScaleSheetLayoutView="50" workbookViewId="0">
      <selection activeCell="R16" sqref="R16"/>
    </sheetView>
  </sheetViews>
  <sheetFormatPr defaultRowHeight="14.4" x14ac:dyDescent="0.2"/>
  <cols>
    <col min="1" max="1" width="3.8984375" customWidth="1"/>
    <col min="2" max="2" width="10.69921875" customWidth="1"/>
    <col min="3" max="4" width="23.59765625" customWidth="1"/>
    <col min="5" max="6" width="27.8984375" customWidth="1"/>
    <col min="7" max="23" width="6.19921875" customWidth="1"/>
    <col min="24" max="24" width="4.09765625" customWidth="1"/>
  </cols>
  <sheetData>
    <row r="1" spans="2:25" ht="55.2" customHeight="1" x14ac:dyDescent="0.2">
      <c r="B1" s="184" t="s">
        <v>372</v>
      </c>
      <c r="C1" s="184"/>
      <c r="D1" s="184"/>
      <c r="E1" s="184"/>
      <c r="F1" s="184"/>
    </row>
    <row r="2" spans="2:25" ht="64.95" customHeight="1" x14ac:dyDescent="0.2">
      <c r="B2" s="226" t="s">
        <v>377</v>
      </c>
      <c r="C2" s="227"/>
      <c r="D2" s="227"/>
      <c r="E2" s="227"/>
      <c r="F2" s="227"/>
      <c r="G2" s="227"/>
      <c r="H2" s="227"/>
      <c r="I2" s="227"/>
      <c r="J2" s="227"/>
      <c r="K2" s="227"/>
      <c r="L2" s="227"/>
      <c r="M2" s="227"/>
      <c r="N2" s="227"/>
      <c r="O2" s="227"/>
      <c r="P2" s="227"/>
      <c r="Q2" s="227"/>
      <c r="R2" s="227"/>
      <c r="S2" s="227"/>
      <c r="T2" s="227"/>
      <c r="U2" s="227"/>
      <c r="V2" s="227"/>
      <c r="W2" s="227"/>
    </row>
    <row r="3" spans="2:25" ht="30" customHeight="1" x14ac:dyDescent="0.25">
      <c r="B3" s="225" t="s">
        <v>381</v>
      </c>
      <c r="C3" s="225"/>
      <c r="D3" s="225"/>
      <c r="E3" s="225"/>
      <c r="F3" s="225"/>
      <c r="G3" s="225"/>
      <c r="H3" s="225"/>
      <c r="I3" s="225"/>
      <c r="J3" s="225"/>
      <c r="K3" s="225"/>
      <c r="L3" s="225"/>
      <c r="M3" s="225"/>
      <c r="N3" s="225"/>
      <c r="O3" s="225"/>
      <c r="P3" s="225"/>
      <c r="Q3" s="225"/>
      <c r="R3" s="225"/>
      <c r="S3" s="225"/>
      <c r="T3" s="225"/>
      <c r="U3" s="225"/>
      <c r="V3" s="225"/>
      <c r="W3" s="225"/>
    </row>
    <row r="4" spans="2:25" s="1" customFormat="1" ht="34.35" customHeight="1" thickBot="1" x14ac:dyDescent="0.25">
      <c r="B4" s="231" t="s">
        <v>0</v>
      </c>
      <c r="C4" s="233" t="s">
        <v>1</v>
      </c>
      <c r="D4" s="234"/>
      <c r="E4" s="239" t="s">
        <v>2</v>
      </c>
      <c r="F4" s="240"/>
      <c r="G4" s="243" t="s">
        <v>3</v>
      </c>
      <c r="H4" s="244"/>
      <c r="I4" s="244"/>
      <c r="J4" s="244"/>
      <c r="K4" s="245"/>
      <c r="L4" s="243" t="s">
        <v>4</v>
      </c>
      <c r="M4" s="244"/>
      <c r="N4" s="245"/>
      <c r="O4" s="246" t="s">
        <v>86</v>
      </c>
      <c r="P4" s="247"/>
      <c r="Q4" s="248"/>
      <c r="R4" s="233" t="s">
        <v>5</v>
      </c>
      <c r="S4" s="234"/>
      <c r="T4" s="235"/>
      <c r="U4" s="231" t="s">
        <v>6</v>
      </c>
      <c r="V4" s="231"/>
      <c r="W4" s="232"/>
      <c r="X4" s="2"/>
      <c r="Y4" s="2"/>
    </row>
    <row r="5" spans="2:25" s="1" customFormat="1" ht="252.6" customHeight="1" x14ac:dyDescent="0.2">
      <c r="B5" s="236"/>
      <c r="C5" s="237"/>
      <c r="D5" s="238"/>
      <c r="E5" s="241"/>
      <c r="F5" s="242"/>
      <c r="G5" s="48" t="s">
        <v>7</v>
      </c>
      <c r="H5" s="49" t="s">
        <v>8</v>
      </c>
      <c r="I5" s="50" t="s">
        <v>9</v>
      </c>
      <c r="J5" s="50" t="s">
        <v>10</v>
      </c>
      <c r="K5" s="51" t="s">
        <v>11</v>
      </c>
      <c r="L5" s="48" t="s">
        <v>12</v>
      </c>
      <c r="M5" s="49" t="s">
        <v>13</v>
      </c>
      <c r="N5" s="49" t="s">
        <v>14</v>
      </c>
      <c r="O5" s="48" t="s">
        <v>87</v>
      </c>
      <c r="P5" s="49" t="s">
        <v>88</v>
      </c>
      <c r="Q5" s="50" t="s">
        <v>89</v>
      </c>
      <c r="R5" s="52" t="s">
        <v>15</v>
      </c>
      <c r="S5" s="53" t="s">
        <v>16</v>
      </c>
      <c r="T5" s="54" t="s">
        <v>108</v>
      </c>
      <c r="U5" s="55" t="s">
        <v>15</v>
      </c>
      <c r="V5" s="53" t="s">
        <v>16</v>
      </c>
      <c r="W5" s="54" t="s">
        <v>108</v>
      </c>
      <c r="X5" s="6"/>
      <c r="Y5" s="6"/>
    </row>
    <row r="6" spans="2:25" s="1" customFormat="1" ht="114" customHeight="1" x14ac:dyDescent="0.2">
      <c r="B6" s="56" t="s">
        <v>17</v>
      </c>
      <c r="C6" s="228" t="s">
        <v>403</v>
      </c>
      <c r="D6" s="229"/>
      <c r="E6" s="228" t="s">
        <v>417</v>
      </c>
      <c r="F6" s="230"/>
      <c r="G6" s="57" t="s">
        <v>109</v>
      </c>
      <c r="H6" s="58" t="s">
        <v>90</v>
      </c>
      <c r="I6" s="58" t="s">
        <v>90</v>
      </c>
      <c r="J6" s="58" t="s">
        <v>90</v>
      </c>
      <c r="K6" s="59" t="s">
        <v>110</v>
      </c>
      <c r="L6" s="60" t="s">
        <v>19</v>
      </c>
      <c r="M6" s="61" t="s">
        <v>90</v>
      </c>
      <c r="N6" s="62" t="s">
        <v>90</v>
      </c>
      <c r="O6" s="63" t="s">
        <v>19</v>
      </c>
      <c r="P6" s="61" t="s">
        <v>90</v>
      </c>
      <c r="Q6" s="64" t="s">
        <v>90</v>
      </c>
      <c r="R6" s="334">
        <v>80.599999999999994</v>
      </c>
      <c r="S6" s="335">
        <v>78.7</v>
      </c>
      <c r="T6" s="336"/>
      <c r="U6" s="337">
        <v>0.6</v>
      </c>
      <c r="V6" s="335">
        <v>0.4</v>
      </c>
      <c r="W6" s="19"/>
      <c r="X6" s="7"/>
      <c r="Y6" s="7"/>
    </row>
    <row r="7" spans="2:25" s="1" customFormat="1" ht="195" customHeight="1" x14ac:dyDescent="0.2">
      <c r="B7" s="56" t="s">
        <v>18</v>
      </c>
      <c r="C7" s="228" t="s">
        <v>404</v>
      </c>
      <c r="D7" s="229"/>
      <c r="E7" s="228" t="s">
        <v>418</v>
      </c>
      <c r="F7" s="230"/>
      <c r="G7" s="57" t="s">
        <v>90</v>
      </c>
      <c r="H7" s="58" t="s">
        <v>90</v>
      </c>
      <c r="I7" s="58" t="s">
        <v>90</v>
      </c>
      <c r="J7" s="58" t="s">
        <v>90</v>
      </c>
      <c r="K7" s="59" t="s">
        <v>111</v>
      </c>
      <c r="L7" s="60" t="s">
        <v>90</v>
      </c>
      <c r="M7" s="61" t="s">
        <v>19</v>
      </c>
      <c r="N7" s="62" t="s">
        <v>90</v>
      </c>
      <c r="O7" s="63" t="s">
        <v>90</v>
      </c>
      <c r="P7" s="61" t="s">
        <v>90</v>
      </c>
      <c r="Q7" s="64" t="s">
        <v>19</v>
      </c>
      <c r="R7" s="334">
        <v>30</v>
      </c>
      <c r="S7" s="335">
        <v>31</v>
      </c>
      <c r="T7" s="336"/>
      <c r="U7" s="337">
        <v>1.2</v>
      </c>
      <c r="V7" s="335">
        <v>0.9</v>
      </c>
      <c r="W7" s="19"/>
      <c r="X7" s="7"/>
      <c r="Y7" s="7"/>
    </row>
    <row r="8" spans="2:25" s="1" customFormat="1" ht="114" customHeight="1" x14ac:dyDescent="0.2">
      <c r="B8" s="56" t="s">
        <v>112</v>
      </c>
      <c r="C8" s="228" t="s">
        <v>405</v>
      </c>
      <c r="D8" s="229"/>
      <c r="E8" s="228" t="s">
        <v>419</v>
      </c>
      <c r="F8" s="230"/>
      <c r="G8" s="65" t="s">
        <v>90</v>
      </c>
      <c r="H8" s="58" t="s">
        <v>90</v>
      </c>
      <c r="I8" s="58" t="s">
        <v>90</v>
      </c>
      <c r="J8" s="58" t="s">
        <v>90</v>
      </c>
      <c r="K8" s="59" t="s">
        <v>32</v>
      </c>
      <c r="L8" s="60" t="s">
        <v>19</v>
      </c>
      <c r="M8" s="61" t="s">
        <v>90</v>
      </c>
      <c r="N8" s="62" t="s">
        <v>90</v>
      </c>
      <c r="O8" s="61" t="s">
        <v>19</v>
      </c>
      <c r="P8" s="61" t="s">
        <v>90</v>
      </c>
      <c r="Q8" s="66" t="s">
        <v>90</v>
      </c>
      <c r="R8" s="334">
        <v>71.3</v>
      </c>
      <c r="S8" s="335">
        <v>71.599999999999994</v>
      </c>
      <c r="T8" s="336"/>
      <c r="U8" s="337">
        <v>4.4000000000000004</v>
      </c>
      <c r="V8" s="335">
        <v>3.5</v>
      </c>
      <c r="W8" s="19"/>
      <c r="X8" s="7"/>
      <c r="Y8" s="7"/>
    </row>
    <row r="9" spans="2:25" s="1" customFormat="1" ht="114" customHeight="1" x14ac:dyDescent="0.2">
      <c r="B9" s="56" t="s">
        <v>113</v>
      </c>
      <c r="C9" s="228" t="s">
        <v>406</v>
      </c>
      <c r="D9" s="229"/>
      <c r="E9" s="228" t="s">
        <v>420</v>
      </c>
      <c r="F9" s="230"/>
      <c r="G9" s="57" t="s">
        <v>114</v>
      </c>
      <c r="H9" s="58" t="s">
        <v>90</v>
      </c>
      <c r="I9" s="58" t="s">
        <v>90</v>
      </c>
      <c r="J9" s="58" t="s">
        <v>90</v>
      </c>
      <c r="K9" s="59" t="s">
        <v>90</v>
      </c>
      <c r="L9" s="60" t="s">
        <v>90</v>
      </c>
      <c r="M9" s="61" t="s">
        <v>19</v>
      </c>
      <c r="N9" s="62" t="s">
        <v>90</v>
      </c>
      <c r="O9" s="63" t="s">
        <v>90</v>
      </c>
      <c r="P9" s="61" t="s">
        <v>19</v>
      </c>
      <c r="Q9" s="66" t="s">
        <v>90</v>
      </c>
      <c r="R9" s="334">
        <v>75.099999999999994</v>
      </c>
      <c r="S9" s="335">
        <v>74.5</v>
      </c>
      <c r="T9" s="336"/>
      <c r="U9" s="337">
        <v>2.9</v>
      </c>
      <c r="V9" s="335">
        <v>2.6</v>
      </c>
      <c r="W9" s="19"/>
      <c r="X9" s="7"/>
      <c r="Y9" s="7"/>
    </row>
    <row r="10" spans="2:25" s="1" customFormat="1" ht="114" customHeight="1" x14ac:dyDescent="0.2">
      <c r="B10" s="56" t="s">
        <v>20</v>
      </c>
      <c r="C10" s="228" t="s">
        <v>407</v>
      </c>
      <c r="D10" s="229"/>
      <c r="E10" s="228" t="s">
        <v>421</v>
      </c>
      <c r="F10" s="230"/>
      <c r="G10" s="57" t="s">
        <v>90</v>
      </c>
      <c r="H10" s="58" t="s">
        <v>115</v>
      </c>
      <c r="I10" s="58" t="s">
        <v>90</v>
      </c>
      <c r="J10" s="58" t="s">
        <v>90</v>
      </c>
      <c r="K10" s="59" t="s">
        <v>90</v>
      </c>
      <c r="L10" s="60" t="s">
        <v>19</v>
      </c>
      <c r="M10" s="61" t="s">
        <v>90</v>
      </c>
      <c r="N10" s="62" t="s">
        <v>90</v>
      </c>
      <c r="O10" s="63" t="s">
        <v>90</v>
      </c>
      <c r="P10" s="61" t="s">
        <v>19</v>
      </c>
      <c r="Q10" s="66" t="s">
        <v>90</v>
      </c>
      <c r="R10" s="334">
        <v>55.5</v>
      </c>
      <c r="S10" s="335">
        <v>58.3</v>
      </c>
      <c r="T10" s="336"/>
      <c r="U10" s="337">
        <v>1.5</v>
      </c>
      <c r="V10" s="335">
        <v>1.2</v>
      </c>
      <c r="W10" s="19"/>
      <c r="X10" s="7"/>
      <c r="Y10" s="7"/>
    </row>
    <row r="11" spans="2:25" s="1" customFormat="1" ht="114" customHeight="1" x14ac:dyDescent="0.2">
      <c r="B11" s="56" t="s">
        <v>21</v>
      </c>
      <c r="C11" s="228" t="s">
        <v>408</v>
      </c>
      <c r="D11" s="229"/>
      <c r="E11" s="228" t="s">
        <v>422</v>
      </c>
      <c r="F11" s="230"/>
      <c r="G11" s="57" t="s">
        <v>90</v>
      </c>
      <c r="H11" s="58" t="s">
        <v>115</v>
      </c>
      <c r="I11" s="58" t="s">
        <v>90</v>
      </c>
      <c r="J11" s="58" t="s">
        <v>90</v>
      </c>
      <c r="K11" s="59" t="s">
        <v>90</v>
      </c>
      <c r="L11" s="60" t="s">
        <v>19</v>
      </c>
      <c r="M11" s="61" t="s">
        <v>90</v>
      </c>
      <c r="N11" s="62" t="s">
        <v>90</v>
      </c>
      <c r="O11" s="63" t="s">
        <v>19</v>
      </c>
      <c r="P11" s="61" t="s">
        <v>90</v>
      </c>
      <c r="Q11" s="66" t="s">
        <v>90</v>
      </c>
      <c r="R11" s="334">
        <v>49.7</v>
      </c>
      <c r="S11" s="335">
        <v>50.2</v>
      </c>
      <c r="T11" s="336"/>
      <c r="U11" s="337">
        <v>0.9</v>
      </c>
      <c r="V11" s="335">
        <v>0.7</v>
      </c>
      <c r="W11" s="19"/>
      <c r="X11" s="7"/>
      <c r="Y11" s="7"/>
    </row>
    <row r="12" spans="2:25" s="1" customFormat="1" ht="114" customHeight="1" x14ac:dyDescent="0.2">
      <c r="B12" s="56" t="s">
        <v>116</v>
      </c>
      <c r="C12" s="228" t="s">
        <v>409</v>
      </c>
      <c r="D12" s="229"/>
      <c r="E12" s="228" t="s">
        <v>117</v>
      </c>
      <c r="F12" s="230"/>
      <c r="G12" s="57" t="s">
        <v>90</v>
      </c>
      <c r="H12" s="58" t="s">
        <v>118</v>
      </c>
      <c r="I12" s="58" t="s">
        <v>90</v>
      </c>
      <c r="J12" s="58" t="s">
        <v>90</v>
      </c>
      <c r="K12" s="59" t="s">
        <v>90</v>
      </c>
      <c r="L12" s="60" t="s">
        <v>19</v>
      </c>
      <c r="M12" s="61" t="s">
        <v>90</v>
      </c>
      <c r="N12" s="62" t="s">
        <v>90</v>
      </c>
      <c r="O12" s="61" t="s">
        <v>19</v>
      </c>
      <c r="P12" s="61" t="s">
        <v>90</v>
      </c>
      <c r="Q12" s="66" t="s">
        <v>90</v>
      </c>
      <c r="R12" s="334">
        <v>80.2</v>
      </c>
      <c r="S12" s="335">
        <v>79.3</v>
      </c>
      <c r="T12" s="336"/>
      <c r="U12" s="337">
        <v>1.2</v>
      </c>
      <c r="V12" s="335">
        <v>1</v>
      </c>
      <c r="W12" s="19"/>
      <c r="X12" s="7"/>
      <c r="Y12" s="7"/>
    </row>
    <row r="13" spans="2:25" s="1" customFormat="1" ht="114" customHeight="1" x14ac:dyDescent="0.2">
      <c r="B13" s="56" t="s">
        <v>119</v>
      </c>
      <c r="C13" s="228" t="s">
        <v>410</v>
      </c>
      <c r="D13" s="229"/>
      <c r="E13" s="228" t="s">
        <v>423</v>
      </c>
      <c r="F13" s="230"/>
      <c r="G13" s="57" t="s">
        <v>90</v>
      </c>
      <c r="H13" s="58" t="s">
        <v>120</v>
      </c>
      <c r="I13" s="58" t="s">
        <v>90</v>
      </c>
      <c r="J13" s="58" t="s">
        <v>90</v>
      </c>
      <c r="K13" s="59" t="s">
        <v>90</v>
      </c>
      <c r="L13" s="60" t="s">
        <v>90</v>
      </c>
      <c r="M13" s="61" t="s">
        <v>19</v>
      </c>
      <c r="N13" s="62" t="s">
        <v>90</v>
      </c>
      <c r="O13" s="63" t="s">
        <v>90</v>
      </c>
      <c r="P13" s="61" t="s">
        <v>90</v>
      </c>
      <c r="Q13" s="64" t="s">
        <v>19</v>
      </c>
      <c r="R13" s="334">
        <v>37.6</v>
      </c>
      <c r="S13" s="335">
        <v>37</v>
      </c>
      <c r="T13" s="336"/>
      <c r="U13" s="337">
        <v>3.1</v>
      </c>
      <c r="V13" s="335">
        <v>2.7</v>
      </c>
      <c r="W13" s="19"/>
      <c r="X13" s="7"/>
      <c r="Y13" s="7"/>
    </row>
    <row r="14" spans="2:25" s="1" customFormat="1" ht="114" customHeight="1" x14ac:dyDescent="0.2">
      <c r="B14" s="56" t="s">
        <v>22</v>
      </c>
      <c r="C14" s="228" t="s">
        <v>411</v>
      </c>
      <c r="D14" s="229"/>
      <c r="E14" s="228" t="s">
        <v>424</v>
      </c>
      <c r="F14" s="230"/>
      <c r="G14" s="57" t="s">
        <v>121</v>
      </c>
      <c r="H14" s="58" t="s">
        <v>90</v>
      </c>
      <c r="I14" s="58" t="s">
        <v>90</v>
      </c>
      <c r="J14" s="58" t="s">
        <v>90</v>
      </c>
      <c r="K14" s="59" t="s">
        <v>90</v>
      </c>
      <c r="L14" s="60" t="s">
        <v>19</v>
      </c>
      <c r="M14" s="61" t="s">
        <v>90</v>
      </c>
      <c r="N14" s="62" t="s">
        <v>90</v>
      </c>
      <c r="O14" s="61" t="s">
        <v>90</v>
      </c>
      <c r="P14" s="61" t="s">
        <v>19</v>
      </c>
      <c r="Q14" s="66" t="s">
        <v>90</v>
      </c>
      <c r="R14" s="334">
        <v>76.900000000000006</v>
      </c>
      <c r="S14" s="335">
        <v>74.099999999999994</v>
      </c>
      <c r="T14" s="336"/>
      <c r="U14" s="337">
        <v>3.3</v>
      </c>
      <c r="V14" s="335">
        <v>2.8</v>
      </c>
      <c r="W14" s="19"/>
      <c r="X14" s="7"/>
      <c r="Y14" s="7"/>
    </row>
    <row r="15" spans="2:25" s="1" customFormat="1" ht="114" customHeight="1" x14ac:dyDescent="0.2">
      <c r="B15" s="56" t="s">
        <v>23</v>
      </c>
      <c r="C15" s="228" t="s">
        <v>412</v>
      </c>
      <c r="D15" s="229"/>
      <c r="E15" s="228" t="s">
        <v>425</v>
      </c>
      <c r="F15" s="230"/>
      <c r="G15" s="57" t="s">
        <v>122</v>
      </c>
      <c r="H15" s="58" t="s">
        <v>90</v>
      </c>
      <c r="I15" s="58" t="s">
        <v>90</v>
      </c>
      <c r="J15" s="58" t="s">
        <v>90</v>
      </c>
      <c r="K15" s="59" t="s">
        <v>90</v>
      </c>
      <c r="L15" s="60" t="s">
        <v>90</v>
      </c>
      <c r="M15" s="61" t="s">
        <v>19</v>
      </c>
      <c r="N15" s="62" t="s">
        <v>90</v>
      </c>
      <c r="O15" s="61" t="s">
        <v>90</v>
      </c>
      <c r="P15" s="61" t="s">
        <v>90</v>
      </c>
      <c r="Q15" s="66" t="s">
        <v>19</v>
      </c>
      <c r="R15" s="334">
        <v>24.7</v>
      </c>
      <c r="S15" s="335">
        <v>23</v>
      </c>
      <c r="T15" s="336"/>
      <c r="U15" s="337">
        <v>16.899999999999999</v>
      </c>
      <c r="V15" s="335">
        <v>15.7</v>
      </c>
      <c r="W15" s="19"/>
      <c r="X15" s="7"/>
      <c r="Y15" s="7"/>
    </row>
    <row r="16" spans="2:25" s="1" customFormat="1" ht="114" customHeight="1" x14ac:dyDescent="0.2">
      <c r="B16" s="56" t="s">
        <v>24</v>
      </c>
      <c r="C16" s="228" t="s">
        <v>123</v>
      </c>
      <c r="D16" s="229"/>
      <c r="E16" s="228" t="s">
        <v>426</v>
      </c>
      <c r="F16" s="230"/>
      <c r="G16" s="57" t="s">
        <v>124</v>
      </c>
      <c r="H16" s="58" t="s">
        <v>90</v>
      </c>
      <c r="I16" s="58" t="s">
        <v>90</v>
      </c>
      <c r="J16" s="58" t="s">
        <v>90</v>
      </c>
      <c r="K16" s="59" t="s">
        <v>90</v>
      </c>
      <c r="L16" s="60" t="s">
        <v>19</v>
      </c>
      <c r="M16" s="61" t="s">
        <v>90</v>
      </c>
      <c r="N16" s="62" t="s">
        <v>90</v>
      </c>
      <c r="O16" s="61" t="s">
        <v>90</v>
      </c>
      <c r="P16" s="61" t="s">
        <v>19</v>
      </c>
      <c r="Q16" s="66" t="s">
        <v>90</v>
      </c>
      <c r="R16" s="334">
        <v>38.1</v>
      </c>
      <c r="S16" s="335">
        <v>35</v>
      </c>
      <c r="T16" s="336"/>
      <c r="U16" s="337">
        <v>9</v>
      </c>
      <c r="V16" s="335">
        <v>7.8</v>
      </c>
      <c r="W16" s="19"/>
      <c r="X16" s="7"/>
      <c r="Y16" s="7"/>
    </row>
    <row r="17" spans="2:25" s="1" customFormat="1" ht="114" customHeight="1" x14ac:dyDescent="0.2">
      <c r="B17" s="56" t="s">
        <v>25</v>
      </c>
      <c r="C17" s="228" t="s">
        <v>125</v>
      </c>
      <c r="D17" s="229"/>
      <c r="E17" s="228" t="s">
        <v>427</v>
      </c>
      <c r="F17" s="230"/>
      <c r="G17" s="57" t="s">
        <v>126</v>
      </c>
      <c r="H17" s="58" t="s">
        <v>90</v>
      </c>
      <c r="I17" s="58" t="s">
        <v>90</v>
      </c>
      <c r="J17" s="58" t="s">
        <v>90</v>
      </c>
      <c r="K17" s="59" t="s">
        <v>90</v>
      </c>
      <c r="L17" s="60" t="s">
        <v>19</v>
      </c>
      <c r="M17" s="61" t="s">
        <v>90</v>
      </c>
      <c r="N17" s="62" t="s">
        <v>90</v>
      </c>
      <c r="O17" s="63" t="s">
        <v>90</v>
      </c>
      <c r="P17" s="61" t="s">
        <v>19</v>
      </c>
      <c r="Q17" s="64" t="s">
        <v>90</v>
      </c>
      <c r="R17" s="334">
        <v>78.5</v>
      </c>
      <c r="S17" s="335">
        <v>81.3</v>
      </c>
      <c r="T17" s="336"/>
      <c r="U17" s="337">
        <v>5.0999999999999996</v>
      </c>
      <c r="V17" s="335">
        <v>4.0999999999999996</v>
      </c>
      <c r="W17" s="19"/>
      <c r="X17" s="7"/>
      <c r="Y17" s="7"/>
    </row>
    <row r="18" spans="2:25" s="1" customFormat="1" ht="114" customHeight="1" x14ac:dyDescent="0.2">
      <c r="B18" s="56" t="s">
        <v>26</v>
      </c>
      <c r="C18" s="228" t="s">
        <v>413</v>
      </c>
      <c r="D18" s="229"/>
      <c r="E18" s="228" t="s">
        <v>428</v>
      </c>
      <c r="F18" s="230"/>
      <c r="G18" s="57" t="s">
        <v>109</v>
      </c>
      <c r="H18" s="58" t="s">
        <v>90</v>
      </c>
      <c r="I18" s="58" t="s">
        <v>90</v>
      </c>
      <c r="J18" s="58" t="s">
        <v>127</v>
      </c>
      <c r="K18" s="59" t="s">
        <v>30</v>
      </c>
      <c r="L18" s="60" t="s">
        <v>90</v>
      </c>
      <c r="M18" s="61" t="s">
        <v>19</v>
      </c>
      <c r="N18" s="62" t="s">
        <v>90</v>
      </c>
      <c r="O18" s="61" t="s">
        <v>19</v>
      </c>
      <c r="P18" s="61" t="s">
        <v>90</v>
      </c>
      <c r="Q18" s="66" t="s">
        <v>90</v>
      </c>
      <c r="R18" s="334">
        <v>84.5</v>
      </c>
      <c r="S18" s="335">
        <v>82.8</v>
      </c>
      <c r="T18" s="336"/>
      <c r="U18" s="337">
        <v>3.2</v>
      </c>
      <c r="V18" s="335">
        <v>2.6</v>
      </c>
      <c r="W18" s="19"/>
      <c r="X18" s="7"/>
      <c r="Y18" s="7"/>
    </row>
    <row r="19" spans="2:25" s="1" customFormat="1" ht="114" customHeight="1" x14ac:dyDescent="0.2">
      <c r="B19" s="56" t="s">
        <v>27</v>
      </c>
      <c r="C19" s="228" t="s">
        <v>414</v>
      </c>
      <c r="D19" s="229"/>
      <c r="E19" s="228" t="s">
        <v>429</v>
      </c>
      <c r="F19" s="230"/>
      <c r="G19" s="57" t="s">
        <v>109</v>
      </c>
      <c r="H19" s="58" t="s">
        <v>90</v>
      </c>
      <c r="I19" s="58" t="s">
        <v>32</v>
      </c>
      <c r="J19" s="58" t="s">
        <v>127</v>
      </c>
      <c r="K19" s="59" t="s">
        <v>30</v>
      </c>
      <c r="L19" s="60" t="s">
        <v>90</v>
      </c>
      <c r="M19" s="61" t="s">
        <v>19</v>
      </c>
      <c r="N19" s="62" t="s">
        <v>90</v>
      </c>
      <c r="O19" s="63" t="s">
        <v>90</v>
      </c>
      <c r="P19" s="61" t="s">
        <v>90</v>
      </c>
      <c r="Q19" s="66" t="s">
        <v>19</v>
      </c>
      <c r="R19" s="334">
        <v>49.5</v>
      </c>
      <c r="S19" s="335">
        <v>48.7</v>
      </c>
      <c r="T19" s="336"/>
      <c r="U19" s="337">
        <v>3.7</v>
      </c>
      <c r="V19" s="335">
        <v>3.4</v>
      </c>
      <c r="W19" s="19"/>
      <c r="X19" s="7"/>
      <c r="Y19" s="7"/>
    </row>
    <row r="20" spans="2:25" s="1" customFormat="1" ht="114" customHeight="1" x14ac:dyDescent="0.2">
      <c r="B20" s="56" t="s">
        <v>28</v>
      </c>
      <c r="C20" s="228" t="s">
        <v>415</v>
      </c>
      <c r="D20" s="229"/>
      <c r="E20" s="228" t="s">
        <v>430</v>
      </c>
      <c r="F20" s="230"/>
      <c r="G20" s="57" t="s">
        <v>90</v>
      </c>
      <c r="H20" s="58" t="s">
        <v>90</v>
      </c>
      <c r="I20" s="58" t="s">
        <v>110</v>
      </c>
      <c r="J20" s="58" t="s">
        <v>90</v>
      </c>
      <c r="K20" s="59" t="s">
        <v>90</v>
      </c>
      <c r="L20" s="60" t="s">
        <v>19</v>
      </c>
      <c r="M20" s="61" t="s">
        <v>90</v>
      </c>
      <c r="N20" s="62" t="s">
        <v>90</v>
      </c>
      <c r="O20" s="63" t="s">
        <v>90</v>
      </c>
      <c r="P20" s="61" t="s">
        <v>19</v>
      </c>
      <c r="Q20" s="66" t="s">
        <v>90</v>
      </c>
      <c r="R20" s="334">
        <v>60.7</v>
      </c>
      <c r="S20" s="335">
        <v>60.9</v>
      </c>
      <c r="T20" s="336"/>
      <c r="U20" s="337">
        <v>4.5999999999999996</v>
      </c>
      <c r="V20" s="335">
        <v>4.2</v>
      </c>
      <c r="W20" s="19"/>
      <c r="X20" s="7"/>
      <c r="Y20" s="7"/>
    </row>
    <row r="21" spans="2:25" s="1" customFormat="1" ht="114" customHeight="1" thickBot="1" x14ac:dyDescent="0.25">
      <c r="B21" s="56" t="s">
        <v>29</v>
      </c>
      <c r="C21" s="228" t="s">
        <v>416</v>
      </c>
      <c r="D21" s="229"/>
      <c r="E21" s="228" t="s">
        <v>431</v>
      </c>
      <c r="F21" s="230"/>
      <c r="G21" s="57" t="s">
        <v>90</v>
      </c>
      <c r="H21" s="58" t="s">
        <v>90</v>
      </c>
      <c r="I21" s="58" t="s">
        <v>90</v>
      </c>
      <c r="J21" s="58" t="s">
        <v>128</v>
      </c>
      <c r="K21" s="59" t="s">
        <v>90</v>
      </c>
      <c r="L21" s="60" t="s">
        <v>90</v>
      </c>
      <c r="M21" s="61" t="s">
        <v>19</v>
      </c>
      <c r="N21" s="62" t="s">
        <v>90</v>
      </c>
      <c r="O21" s="63" t="s">
        <v>19</v>
      </c>
      <c r="P21" s="61" t="s">
        <v>90</v>
      </c>
      <c r="Q21" s="64" t="s">
        <v>90</v>
      </c>
      <c r="R21" s="334">
        <v>45.8</v>
      </c>
      <c r="S21" s="335">
        <v>40.9</v>
      </c>
      <c r="T21" s="338"/>
      <c r="U21" s="337">
        <v>4.5999999999999996</v>
      </c>
      <c r="V21" s="335">
        <v>4.0999999999999996</v>
      </c>
      <c r="W21" s="20"/>
      <c r="X21" s="7"/>
      <c r="Y21" s="7"/>
    </row>
  </sheetData>
  <mergeCells count="43">
    <mergeCell ref="U4:W4"/>
    <mergeCell ref="R4:T4"/>
    <mergeCell ref="C8:D8"/>
    <mergeCell ref="E8:F8"/>
    <mergeCell ref="B4:B5"/>
    <mergeCell ref="C4:D5"/>
    <mergeCell ref="E4:F5"/>
    <mergeCell ref="C6:D6"/>
    <mergeCell ref="E6:F6"/>
    <mergeCell ref="C7:D7"/>
    <mergeCell ref="E7:F7"/>
    <mergeCell ref="G4:K4"/>
    <mergeCell ref="L4:N4"/>
    <mergeCell ref="O4:Q4"/>
    <mergeCell ref="C9:D9"/>
    <mergeCell ref="E9:F9"/>
    <mergeCell ref="C10:D10"/>
    <mergeCell ref="E10:F10"/>
    <mergeCell ref="C11:D11"/>
    <mergeCell ref="E11:F11"/>
    <mergeCell ref="E17:F17"/>
    <mergeCell ref="C12:D12"/>
    <mergeCell ref="E12:F12"/>
    <mergeCell ref="C13:D13"/>
    <mergeCell ref="E13:F13"/>
    <mergeCell ref="C14:D14"/>
    <mergeCell ref="E14:F14"/>
    <mergeCell ref="B1:F1"/>
    <mergeCell ref="B3:W3"/>
    <mergeCell ref="B2:W2"/>
    <mergeCell ref="C21:D21"/>
    <mergeCell ref="E21:F21"/>
    <mergeCell ref="C18:D18"/>
    <mergeCell ref="E18:F18"/>
    <mergeCell ref="C19:D19"/>
    <mergeCell ref="E19:F19"/>
    <mergeCell ref="C20:D20"/>
    <mergeCell ref="E20:F20"/>
    <mergeCell ref="C15:D15"/>
    <mergeCell ref="E15:F15"/>
    <mergeCell ref="C16:D16"/>
    <mergeCell ref="E16:F16"/>
    <mergeCell ref="C17:D17"/>
  </mergeCells>
  <phoneticPr fontId="2"/>
  <conditionalFormatting sqref="B6:B21">
    <cfRule type="expression" dxfId="13" priority="1">
      <formula>LEN(#REF!)&gt;5</formula>
    </cfRule>
  </conditionalFormatting>
  <dataValidations count="1">
    <dataValidation imeMode="hiragana" allowBlank="1" showInputMessage="1" showErrorMessage="1" sqref="E6:E17 E19:E21" xr:uid="{00000000-0002-0000-0100-000000000000}"/>
  </dataValidations>
  <pageMargins left="0.25" right="0.25" top="0.75" bottom="0.75" header="0.3" footer="0.3"/>
  <pageSetup paperSize="9" scale="33"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1:X23"/>
  <sheetViews>
    <sheetView view="pageBreakPreview" zoomScale="60" zoomScaleNormal="55" workbookViewId="0">
      <selection activeCell="B2" sqref="B2:V2"/>
    </sheetView>
  </sheetViews>
  <sheetFormatPr defaultRowHeight="14.4" x14ac:dyDescent="0.2"/>
  <cols>
    <col min="1" max="1" width="3.8984375" customWidth="1"/>
    <col min="2" max="2" width="10.69921875" customWidth="1"/>
    <col min="3" max="4" width="23.69921875" customWidth="1"/>
    <col min="5" max="6" width="31.09765625" customWidth="1"/>
    <col min="7" max="22" width="8.09765625" customWidth="1"/>
    <col min="23" max="23" width="4.09765625" customWidth="1"/>
  </cols>
  <sheetData>
    <row r="1" spans="2:24" ht="55.2" customHeight="1" x14ac:dyDescent="0.2">
      <c r="B1" s="184" t="s">
        <v>373</v>
      </c>
      <c r="C1" s="184"/>
      <c r="D1" s="184"/>
      <c r="E1" s="184"/>
      <c r="F1" s="184"/>
    </row>
    <row r="2" spans="2:24" ht="55.2" customHeight="1" x14ac:dyDescent="0.2">
      <c r="B2" s="250" t="s">
        <v>378</v>
      </c>
      <c r="C2" s="251"/>
      <c r="D2" s="251"/>
      <c r="E2" s="251"/>
      <c r="F2" s="251"/>
      <c r="G2" s="251"/>
      <c r="H2" s="251"/>
      <c r="I2" s="251"/>
      <c r="J2" s="251"/>
      <c r="K2" s="251"/>
      <c r="L2" s="251"/>
      <c r="M2" s="251"/>
      <c r="N2" s="251"/>
      <c r="O2" s="251"/>
      <c r="P2" s="251"/>
      <c r="Q2" s="251"/>
      <c r="R2" s="251"/>
      <c r="S2" s="251"/>
      <c r="T2" s="251"/>
      <c r="U2" s="251"/>
      <c r="V2" s="251"/>
    </row>
    <row r="3" spans="2:24" ht="29.4" customHeight="1" x14ac:dyDescent="0.25">
      <c r="B3" s="249" t="s">
        <v>382</v>
      </c>
      <c r="C3" s="249"/>
      <c r="D3" s="249"/>
      <c r="E3" s="249"/>
      <c r="F3" s="249"/>
      <c r="G3" s="249"/>
      <c r="H3" s="249"/>
      <c r="I3" s="249"/>
      <c r="J3" s="249"/>
      <c r="K3" s="249"/>
      <c r="L3" s="249"/>
      <c r="M3" s="249"/>
      <c r="N3" s="249"/>
      <c r="O3" s="249"/>
      <c r="P3" s="249"/>
      <c r="Q3" s="249"/>
      <c r="R3" s="249"/>
      <c r="S3" s="249"/>
      <c r="T3" s="249"/>
      <c r="U3" s="249"/>
      <c r="V3" s="249"/>
    </row>
    <row r="4" spans="2:24" s="1" customFormat="1" ht="34.35" customHeight="1" x14ac:dyDescent="0.2">
      <c r="B4" s="231" t="s">
        <v>0</v>
      </c>
      <c r="C4" s="233" t="s">
        <v>33</v>
      </c>
      <c r="D4" s="234"/>
      <c r="E4" s="239" t="s">
        <v>2</v>
      </c>
      <c r="F4" s="240"/>
      <c r="G4" s="243" t="s">
        <v>135</v>
      </c>
      <c r="H4" s="244"/>
      <c r="I4" s="244"/>
      <c r="J4" s="245"/>
      <c r="K4" s="233" t="s">
        <v>4</v>
      </c>
      <c r="L4" s="234"/>
      <c r="M4" s="235"/>
      <c r="N4" s="239" t="s">
        <v>86</v>
      </c>
      <c r="O4" s="240"/>
      <c r="P4" s="240"/>
      <c r="Q4" s="257" t="s">
        <v>158</v>
      </c>
      <c r="R4" s="257"/>
      <c r="S4" s="257"/>
      <c r="T4" s="257" t="s">
        <v>159</v>
      </c>
      <c r="U4" s="257"/>
      <c r="V4" s="257"/>
      <c r="W4" s="2"/>
      <c r="X4" s="2"/>
    </row>
    <row r="5" spans="2:24" s="1" customFormat="1" ht="34.35" customHeight="1" thickBot="1" x14ac:dyDescent="0.25">
      <c r="B5" s="252"/>
      <c r="C5" s="237"/>
      <c r="D5" s="238"/>
      <c r="E5" s="241"/>
      <c r="F5" s="242"/>
      <c r="G5" s="243" t="s">
        <v>136</v>
      </c>
      <c r="H5" s="260"/>
      <c r="I5" s="261" t="s">
        <v>148</v>
      </c>
      <c r="J5" s="245"/>
      <c r="K5" s="253"/>
      <c r="L5" s="254"/>
      <c r="M5" s="259"/>
      <c r="N5" s="255"/>
      <c r="O5" s="256"/>
      <c r="P5" s="256"/>
      <c r="Q5" s="257"/>
      <c r="R5" s="257"/>
      <c r="S5" s="258"/>
      <c r="T5" s="257"/>
      <c r="U5" s="257"/>
      <c r="V5" s="258"/>
      <c r="W5" s="2"/>
      <c r="X5" s="2"/>
    </row>
    <row r="6" spans="2:24" s="1" customFormat="1" ht="300" customHeight="1" x14ac:dyDescent="0.2">
      <c r="B6" s="236"/>
      <c r="C6" s="253"/>
      <c r="D6" s="254"/>
      <c r="E6" s="255"/>
      <c r="F6" s="256"/>
      <c r="G6" s="67" t="s">
        <v>137</v>
      </c>
      <c r="H6" s="68" t="s">
        <v>142</v>
      </c>
      <c r="I6" s="69" t="s">
        <v>149</v>
      </c>
      <c r="J6" s="51" t="s">
        <v>154</v>
      </c>
      <c r="K6" s="70" t="s">
        <v>12</v>
      </c>
      <c r="L6" s="49" t="s">
        <v>13</v>
      </c>
      <c r="M6" s="51" t="s">
        <v>14</v>
      </c>
      <c r="N6" s="48" t="s">
        <v>87</v>
      </c>
      <c r="O6" s="49" t="s">
        <v>88</v>
      </c>
      <c r="P6" s="50" t="s">
        <v>89</v>
      </c>
      <c r="Q6" s="52" t="s">
        <v>160</v>
      </c>
      <c r="R6" s="53" t="s">
        <v>16</v>
      </c>
      <c r="S6" s="71" t="s">
        <v>161</v>
      </c>
      <c r="T6" s="55" t="s">
        <v>15</v>
      </c>
      <c r="U6" s="53" t="s">
        <v>16</v>
      </c>
      <c r="V6" s="54" t="s">
        <v>161</v>
      </c>
      <c r="W6" s="6"/>
      <c r="X6" s="6"/>
    </row>
    <row r="7" spans="2:24" s="14" customFormat="1" ht="97.95" customHeight="1" x14ac:dyDescent="0.2">
      <c r="B7" s="72" t="s">
        <v>17</v>
      </c>
      <c r="C7" s="228" t="s">
        <v>432</v>
      </c>
      <c r="D7" s="229"/>
      <c r="E7" s="228" t="s">
        <v>449</v>
      </c>
      <c r="F7" s="230"/>
      <c r="G7" s="57" t="s">
        <v>90</v>
      </c>
      <c r="H7" s="58" t="s">
        <v>90</v>
      </c>
      <c r="I7" s="73" t="s">
        <v>90</v>
      </c>
      <c r="J7" s="59" t="s">
        <v>155</v>
      </c>
      <c r="K7" s="74" t="s">
        <v>90</v>
      </c>
      <c r="L7" s="58" t="s">
        <v>19</v>
      </c>
      <c r="M7" s="59" t="s">
        <v>90</v>
      </c>
      <c r="N7" s="57" t="s">
        <v>90</v>
      </c>
      <c r="O7" s="58" t="s">
        <v>19</v>
      </c>
      <c r="P7" s="73" t="s">
        <v>90</v>
      </c>
      <c r="Q7" s="16">
        <v>81</v>
      </c>
      <c r="R7" s="18">
        <v>79.5</v>
      </c>
      <c r="S7" s="19"/>
      <c r="T7" s="17">
        <v>2.8</v>
      </c>
      <c r="U7" s="18">
        <v>2.5</v>
      </c>
      <c r="V7" s="19"/>
      <c r="W7" s="13"/>
      <c r="X7" s="13"/>
    </row>
    <row r="8" spans="2:24" s="14" customFormat="1" ht="97.95" customHeight="1" x14ac:dyDescent="0.2">
      <c r="B8" s="72" t="s">
        <v>18</v>
      </c>
      <c r="C8" s="228" t="s">
        <v>433</v>
      </c>
      <c r="D8" s="229"/>
      <c r="E8" s="228" t="s">
        <v>450</v>
      </c>
      <c r="F8" s="230"/>
      <c r="G8" s="57" t="s">
        <v>90</v>
      </c>
      <c r="H8" s="58" t="s">
        <v>90</v>
      </c>
      <c r="I8" s="73" t="s">
        <v>90</v>
      </c>
      <c r="J8" s="59" t="s">
        <v>155</v>
      </c>
      <c r="K8" s="74" t="s">
        <v>90</v>
      </c>
      <c r="L8" s="58" t="s">
        <v>19</v>
      </c>
      <c r="M8" s="59" t="s">
        <v>90</v>
      </c>
      <c r="N8" s="57" t="s">
        <v>90</v>
      </c>
      <c r="O8" s="58" t="s">
        <v>90</v>
      </c>
      <c r="P8" s="73" t="s">
        <v>19</v>
      </c>
      <c r="Q8" s="16">
        <v>56.2</v>
      </c>
      <c r="R8" s="18">
        <v>60.5</v>
      </c>
      <c r="S8" s="19"/>
      <c r="T8" s="17">
        <v>9.6</v>
      </c>
      <c r="U8" s="18">
        <v>8.5</v>
      </c>
      <c r="V8" s="19"/>
      <c r="W8" s="13"/>
      <c r="X8" s="13"/>
    </row>
    <row r="9" spans="2:24" s="14" customFormat="1" ht="97.95" customHeight="1" x14ac:dyDescent="0.2">
      <c r="B9" s="72" t="s">
        <v>112</v>
      </c>
      <c r="C9" s="228" t="s">
        <v>434</v>
      </c>
      <c r="D9" s="229"/>
      <c r="E9" s="228" t="s">
        <v>451</v>
      </c>
      <c r="F9" s="230"/>
      <c r="G9" s="57" t="s">
        <v>90</v>
      </c>
      <c r="H9" s="58" t="s">
        <v>90</v>
      </c>
      <c r="I9" s="73" t="s">
        <v>90</v>
      </c>
      <c r="J9" s="59" t="s">
        <v>155</v>
      </c>
      <c r="K9" s="74" t="s">
        <v>90</v>
      </c>
      <c r="L9" s="58" t="s">
        <v>19</v>
      </c>
      <c r="M9" s="59" t="s">
        <v>90</v>
      </c>
      <c r="N9" s="57" t="s">
        <v>19</v>
      </c>
      <c r="O9" s="58" t="s">
        <v>90</v>
      </c>
      <c r="P9" s="73" t="s">
        <v>90</v>
      </c>
      <c r="Q9" s="16">
        <v>78.5</v>
      </c>
      <c r="R9" s="18">
        <v>77.8</v>
      </c>
      <c r="S9" s="19"/>
      <c r="T9" s="17">
        <v>1.1000000000000001</v>
      </c>
      <c r="U9" s="18">
        <v>0.9</v>
      </c>
      <c r="V9" s="19"/>
      <c r="W9" s="13"/>
      <c r="X9" s="13"/>
    </row>
    <row r="10" spans="2:24" s="14" customFormat="1" ht="97.95" customHeight="1" x14ac:dyDescent="0.2">
      <c r="B10" s="72" t="s">
        <v>20</v>
      </c>
      <c r="C10" s="228" t="s">
        <v>435</v>
      </c>
      <c r="D10" s="229"/>
      <c r="E10" s="228" t="s">
        <v>452</v>
      </c>
      <c r="F10" s="230"/>
      <c r="G10" s="57" t="s">
        <v>138</v>
      </c>
      <c r="H10" s="58" t="s">
        <v>143</v>
      </c>
      <c r="I10" s="73" t="s">
        <v>90</v>
      </c>
      <c r="J10" s="59" t="s">
        <v>90</v>
      </c>
      <c r="K10" s="74" t="s">
        <v>19</v>
      </c>
      <c r="L10" s="58" t="s">
        <v>90</v>
      </c>
      <c r="M10" s="59" t="s">
        <v>90</v>
      </c>
      <c r="N10" s="57" t="s">
        <v>19</v>
      </c>
      <c r="O10" s="58" t="s">
        <v>90</v>
      </c>
      <c r="P10" s="73" t="s">
        <v>90</v>
      </c>
      <c r="Q10" s="16">
        <v>10.5</v>
      </c>
      <c r="R10" s="18">
        <v>10.6</v>
      </c>
      <c r="S10" s="19"/>
      <c r="T10" s="17">
        <v>0.8</v>
      </c>
      <c r="U10" s="18">
        <v>0.6</v>
      </c>
      <c r="V10" s="19"/>
      <c r="W10" s="13"/>
      <c r="X10" s="13"/>
    </row>
    <row r="11" spans="2:24" s="14" customFormat="1" ht="97.95" customHeight="1" x14ac:dyDescent="0.2">
      <c r="B11" s="72" t="s">
        <v>21</v>
      </c>
      <c r="C11" s="228" t="s">
        <v>436</v>
      </c>
      <c r="D11" s="229"/>
      <c r="E11" s="228" t="s">
        <v>453</v>
      </c>
      <c r="F11" s="230"/>
      <c r="G11" s="57" t="s">
        <v>139</v>
      </c>
      <c r="H11" s="58" t="s">
        <v>90</v>
      </c>
      <c r="I11" s="73" t="s">
        <v>90</v>
      </c>
      <c r="J11" s="59" t="s">
        <v>90</v>
      </c>
      <c r="K11" s="58" t="s">
        <v>90</v>
      </c>
      <c r="L11" s="58" t="s">
        <v>19</v>
      </c>
      <c r="M11" s="59" t="s">
        <v>90</v>
      </c>
      <c r="N11" s="57" t="s">
        <v>19</v>
      </c>
      <c r="O11" s="58" t="s">
        <v>90</v>
      </c>
      <c r="P11" s="73" t="s">
        <v>90</v>
      </c>
      <c r="Q11" s="16">
        <v>44.4</v>
      </c>
      <c r="R11" s="18">
        <v>42.9</v>
      </c>
      <c r="S11" s="19"/>
      <c r="T11" s="17">
        <v>0.8</v>
      </c>
      <c r="U11" s="18">
        <v>0.6</v>
      </c>
      <c r="V11" s="19"/>
      <c r="W11" s="13"/>
      <c r="X11" s="13"/>
    </row>
    <row r="12" spans="2:24" s="14" customFormat="1" ht="97.95" customHeight="1" x14ac:dyDescent="0.2">
      <c r="B12" s="72" t="s">
        <v>116</v>
      </c>
      <c r="C12" s="228" t="s">
        <v>437</v>
      </c>
      <c r="D12" s="229"/>
      <c r="E12" s="228" t="s">
        <v>454</v>
      </c>
      <c r="F12" s="230"/>
      <c r="G12" s="57" t="s">
        <v>140</v>
      </c>
      <c r="H12" s="58" t="s">
        <v>90</v>
      </c>
      <c r="I12" s="73" t="s">
        <v>90</v>
      </c>
      <c r="J12" s="59" t="s">
        <v>90</v>
      </c>
      <c r="K12" s="74" t="s">
        <v>19</v>
      </c>
      <c r="L12" s="58" t="s">
        <v>90</v>
      </c>
      <c r="M12" s="59" t="s">
        <v>90</v>
      </c>
      <c r="N12" s="57" t="s">
        <v>90</v>
      </c>
      <c r="O12" s="58" t="s">
        <v>19</v>
      </c>
      <c r="P12" s="73" t="s">
        <v>90</v>
      </c>
      <c r="Q12" s="16">
        <v>76.7</v>
      </c>
      <c r="R12" s="18">
        <v>78</v>
      </c>
      <c r="S12" s="19"/>
      <c r="T12" s="17">
        <v>3.5</v>
      </c>
      <c r="U12" s="18">
        <v>2.7</v>
      </c>
      <c r="V12" s="19"/>
      <c r="W12" s="13"/>
      <c r="X12" s="13"/>
    </row>
    <row r="13" spans="2:24" s="14" customFormat="1" ht="97.95" customHeight="1" x14ac:dyDescent="0.2">
      <c r="B13" s="72" t="s">
        <v>119</v>
      </c>
      <c r="C13" s="228" t="s">
        <v>438</v>
      </c>
      <c r="D13" s="229"/>
      <c r="E13" s="228" t="s">
        <v>455</v>
      </c>
      <c r="F13" s="230"/>
      <c r="G13" s="57" t="s">
        <v>141</v>
      </c>
      <c r="H13" s="58" t="s">
        <v>90</v>
      </c>
      <c r="I13" s="73" t="s">
        <v>90</v>
      </c>
      <c r="J13" s="59" t="s">
        <v>90</v>
      </c>
      <c r="K13" s="74" t="s">
        <v>19</v>
      </c>
      <c r="L13" s="58" t="s">
        <v>90</v>
      </c>
      <c r="M13" s="59" t="s">
        <v>90</v>
      </c>
      <c r="N13" s="57" t="s">
        <v>19</v>
      </c>
      <c r="O13" s="58" t="s">
        <v>90</v>
      </c>
      <c r="P13" s="73" t="s">
        <v>90</v>
      </c>
      <c r="Q13" s="16">
        <v>54.9</v>
      </c>
      <c r="R13" s="18">
        <v>55.1</v>
      </c>
      <c r="S13" s="19"/>
      <c r="T13" s="17">
        <v>1</v>
      </c>
      <c r="U13" s="18">
        <v>0.8</v>
      </c>
      <c r="V13" s="19"/>
      <c r="W13" s="13"/>
      <c r="X13" s="13"/>
    </row>
    <row r="14" spans="2:24" s="14" customFormat="1" ht="97.95" customHeight="1" x14ac:dyDescent="0.2">
      <c r="B14" s="75" t="s">
        <v>22</v>
      </c>
      <c r="C14" s="262" t="s">
        <v>439</v>
      </c>
      <c r="D14" s="263"/>
      <c r="E14" s="228" t="s">
        <v>456</v>
      </c>
      <c r="F14" s="230"/>
      <c r="G14" s="57" t="s">
        <v>90</v>
      </c>
      <c r="H14" s="58" t="s">
        <v>90</v>
      </c>
      <c r="I14" s="73" t="s">
        <v>150</v>
      </c>
      <c r="J14" s="59" t="s">
        <v>90</v>
      </c>
      <c r="K14" s="74" t="s">
        <v>19</v>
      </c>
      <c r="L14" s="58" t="s">
        <v>90</v>
      </c>
      <c r="M14" s="59" t="s">
        <v>90</v>
      </c>
      <c r="N14" s="57" t="s">
        <v>90</v>
      </c>
      <c r="O14" s="58" t="s">
        <v>19</v>
      </c>
      <c r="P14" s="73" t="s">
        <v>90</v>
      </c>
      <c r="Q14" s="16">
        <v>65</v>
      </c>
      <c r="R14" s="18">
        <v>70.7</v>
      </c>
      <c r="S14" s="19"/>
      <c r="T14" s="17">
        <v>2</v>
      </c>
      <c r="U14" s="18">
        <v>1.5</v>
      </c>
      <c r="V14" s="19"/>
      <c r="W14" s="13"/>
      <c r="X14" s="13"/>
    </row>
    <row r="15" spans="2:24" s="14" customFormat="1" ht="97.95" customHeight="1" x14ac:dyDescent="0.2">
      <c r="B15" s="75" t="s">
        <v>23</v>
      </c>
      <c r="C15" s="228" t="s">
        <v>440</v>
      </c>
      <c r="D15" s="229"/>
      <c r="E15" s="228" t="s">
        <v>457</v>
      </c>
      <c r="F15" s="230"/>
      <c r="G15" s="57" t="s">
        <v>90</v>
      </c>
      <c r="H15" s="58" t="s">
        <v>90</v>
      </c>
      <c r="I15" s="73" t="s">
        <v>151</v>
      </c>
      <c r="J15" s="59" t="s">
        <v>90</v>
      </c>
      <c r="K15" s="74" t="s">
        <v>19</v>
      </c>
      <c r="L15" s="58" t="s">
        <v>90</v>
      </c>
      <c r="M15" s="59" t="s">
        <v>90</v>
      </c>
      <c r="N15" s="57" t="s">
        <v>19</v>
      </c>
      <c r="O15" s="58" t="s">
        <v>90</v>
      </c>
      <c r="P15" s="73" t="s">
        <v>90</v>
      </c>
      <c r="Q15" s="16">
        <v>47.4</v>
      </c>
      <c r="R15" s="18">
        <v>45.6</v>
      </c>
      <c r="S15" s="19"/>
      <c r="T15" s="17">
        <v>1</v>
      </c>
      <c r="U15" s="18">
        <v>0.8</v>
      </c>
      <c r="V15" s="19"/>
      <c r="W15" s="13"/>
      <c r="X15" s="13"/>
    </row>
    <row r="16" spans="2:24" s="14" customFormat="1" ht="97.95" customHeight="1" x14ac:dyDescent="0.2">
      <c r="B16" s="72" t="s">
        <v>24</v>
      </c>
      <c r="C16" s="228" t="s">
        <v>441</v>
      </c>
      <c r="D16" s="229"/>
      <c r="E16" s="228" t="s">
        <v>458</v>
      </c>
      <c r="F16" s="230"/>
      <c r="G16" s="57" t="s">
        <v>90</v>
      </c>
      <c r="H16" s="58" t="s">
        <v>90</v>
      </c>
      <c r="I16" s="73" t="s">
        <v>152</v>
      </c>
      <c r="J16" s="59" t="s">
        <v>90</v>
      </c>
      <c r="K16" s="74" t="s">
        <v>90</v>
      </c>
      <c r="L16" s="58" t="s">
        <v>19</v>
      </c>
      <c r="M16" s="59" t="s">
        <v>90</v>
      </c>
      <c r="N16" s="57" t="s">
        <v>19</v>
      </c>
      <c r="O16" s="58" t="s">
        <v>90</v>
      </c>
      <c r="P16" s="73" t="s">
        <v>90</v>
      </c>
      <c r="Q16" s="16">
        <v>61.7</v>
      </c>
      <c r="R16" s="18">
        <v>62</v>
      </c>
      <c r="S16" s="19"/>
      <c r="T16" s="17">
        <v>2.1</v>
      </c>
      <c r="U16" s="18">
        <v>1.7</v>
      </c>
      <c r="V16" s="19"/>
      <c r="W16" s="13"/>
      <c r="X16" s="13"/>
    </row>
    <row r="17" spans="2:24" s="14" customFormat="1" ht="97.95" customHeight="1" x14ac:dyDescent="0.2">
      <c r="B17" s="72" t="s">
        <v>25</v>
      </c>
      <c r="C17" s="228" t="s">
        <v>442</v>
      </c>
      <c r="D17" s="229"/>
      <c r="E17" s="228" t="s">
        <v>459</v>
      </c>
      <c r="F17" s="230"/>
      <c r="G17" s="57" t="s">
        <v>90</v>
      </c>
      <c r="H17" s="58" t="s">
        <v>90</v>
      </c>
      <c r="I17" s="73" t="s">
        <v>153</v>
      </c>
      <c r="J17" s="59" t="s">
        <v>90</v>
      </c>
      <c r="K17" s="74" t="s">
        <v>90</v>
      </c>
      <c r="L17" s="58" t="s">
        <v>19</v>
      </c>
      <c r="M17" s="59" t="s">
        <v>90</v>
      </c>
      <c r="N17" s="57" t="s">
        <v>90</v>
      </c>
      <c r="O17" s="58" t="s">
        <v>90</v>
      </c>
      <c r="P17" s="73" t="s">
        <v>19</v>
      </c>
      <c r="Q17" s="16">
        <v>30.7</v>
      </c>
      <c r="R17" s="18">
        <v>29.9</v>
      </c>
      <c r="S17" s="19"/>
      <c r="T17" s="17">
        <v>13.4</v>
      </c>
      <c r="U17" s="18">
        <v>11.4</v>
      </c>
      <c r="V17" s="19"/>
      <c r="W17" s="13"/>
      <c r="X17" s="13"/>
    </row>
    <row r="18" spans="2:24" s="14" customFormat="1" ht="97.95" customHeight="1" x14ac:dyDescent="0.2">
      <c r="B18" s="72" t="s">
        <v>26</v>
      </c>
      <c r="C18" s="228" t="s">
        <v>443</v>
      </c>
      <c r="D18" s="229"/>
      <c r="E18" s="228" t="s">
        <v>460</v>
      </c>
      <c r="F18" s="230"/>
      <c r="G18" s="57" t="s">
        <v>90</v>
      </c>
      <c r="H18" s="58" t="s">
        <v>144</v>
      </c>
      <c r="I18" s="73" t="s">
        <v>90</v>
      </c>
      <c r="J18" s="59" t="s">
        <v>90</v>
      </c>
      <c r="K18" s="74" t="s">
        <v>90</v>
      </c>
      <c r="L18" s="58" t="s">
        <v>19</v>
      </c>
      <c r="M18" s="59" t="s">
        <v>90</v>
      </c>
      <c r="N18" s="57" t="s">
        <v>90</v>
      </c>
      <c r="O18" s="58" t="s">
        <v>19</v>
      </c>
      <c r="P18" s="73" t="s">
        <v>90</v>
      </c>
      <c r="Q18" s="16">
        <v>49.7</v>
      </c>
      <c r="R18" s="18">
        <v>50.6</v>
      </c>
      <c r="S18" s="19"/>
      <c r="T18" s="17">
        <v>7.1</v>
      </c>
      <c r="U18" s="18">
        <v>6.1</v>
      </c>
      <c r="V18" s="19"/>
      <c r="W18" s="13"/>
      <c r="X18" s="13"/>
    </row>
    <row r="19" spans="2:24" s="14" customFormat="1" ht="97.95" customHeight="1" x14ac:dyDescent="0.2">
      <c r="B19" s="72" t="s">
        <v>130</v>
      </c>
      <c r="C19" s="228" t="s">
        <v>444</v>
      </c>
      <c r="D19" s="229"/>
      <c r="E19" s="228" t="s">
        <v>461</v>
      </c>
      <c r="F19" s="230"/>
      <c r="G19" s="57" t="s">
        <v>90</v>
      </c>
      <c r="H19" s="58" t="s">
        <v>145</v>
      </c>
      <c r="I19" s="73" t="s">
        <v>90</v>
      </c>
      <c r="J19" s="59" t="s">
        <v>156</v>
      </c>
      <c r="K19" s="74" t="s">
        <v>19</v>
      </c>
      <c r="L19" s="58" t="s">
        <v>90</v>
      </c>
      <c r="M19" s="59" t="s">
        <v>90</v>
      </c>
      <c r="N19" s="57" t="s">
        <v>19</v>
      </c>
      <c r="O19" s="58" t="s">
        <v>90</v>
      </c>
      <c r="P19" s="73" t="s">
        <v>90</v>
      </c>
      <c r="Q19" s="16">
        <v>63.9</v>
      </c>
      <c r="R19" s="18">
        <v>64.2</v>
      </c>
      <c r="S19" s="19"/>
      <c r="T19" s="17">
        <v>1.5</v>
      </c>
      <c r="U19" s="18">
        <v>1.3</v>
      </c>
      <c r="V19" s="19"/>
      <c r="W19" s="13"/>
      <c r="X19" s="13"/>
    </row>
    <row r="20" spans="2:24" s="14" customFormat="1" ht="97.95" customHeight="1" x14ac:dyDescent="0.2">
      <c r="B20" s="72" t="s">
        <v>131</v>
      </c>
      <c r="C20" s="228" t="s">
        <v>445</v>
      </c>
      <c r="D20" s="229"/>
      <c r="E20" s="228" t="s">
        <v>462</v>
      </c>
      <c r="F20" s="230"/>
      <c r="G20" s="57" t="s">
        <v>90</v>
      </c>
      <c r="H20" s="58" t="s">
        <v>145</v>
      </c>
      <c r="I20" s="73" t="s">
        <v>90</v>
      </c>
      <c r="J20" s="59" t="s">
        <v>156</v>
      </c>
      <c r="K20" s="74" t="s">
        <v>19</v>
      </c>
      <c r="L20" s="58" t="s">
        <v>90</v>
      </c>
      <c r="M20" s="59" t="s">
        <v>90</v>
      </c>
      <c r="N20" s="57" t="s">
        <v>19</v>
      </c>
      <c r="O20" s="58" t="s">
        <v>90</v>
      </c>
      <c r="P20" s="73" t="s">
        <v>90</v>
      </c>
      <c r="Q20" s="16">
        <v>58.1</v>
      </c>
      <c r="R20" s="18">
        <v>57.5</v>
      </c>
      <c r="S20" s="19"/>
      <c r="T20" s="17">
        <v>1.8</v>
      </c>
      <c r="U20" s="18">
        <v>1.5</v>
      </c>
      <c r="V20" s="19"/>
      <c r="W20" s="13"/>
      <c r="X20" s="13"/>
    </row>
    <row r="21" spans="2:24" s="14" customFormat="1" ht="97.95" customHeight="1" x14ac:dyDescent="0.2">
      <c r="B21" s="76" t="s">
        <v>132</v>
      </c>
      <c r="C21" s="228" t="s">
        <v>446</v>
      </c>
      <c r="D21" s="229"/>
      <c r="E21" s="228" t="s">
        <v>463</v>
      </c>
      <c r="F21" s="230"/>
      <c r="G21" s="57" t="s">
        <v>90</v>
      </c>
      <c r="H21" s="58" t="s">
        <v>146</v>
      </c>
      <c r="I21" s="73" t="s">
        <v>90</v>
      </c>
      <c r="J21" s="59" t="s">
        <v>90</v>
      </c>
      <c r="K21" s="74" t="s">
        <v>90</v>
      </c>
      <c r="L21" s="58" t="s">
        <v>19</v>
      </c>
      <c r="M21" s="59" t="s">
        <v>90</v>
      </c>
      <c r="N21" s="57" t="s">
        <v>19</v>
      </c>
      <c r="O21" s="58" t="s">
        <v>90</v>
      </c>
      <c r="P21" s="73" t="s">
        <v>90</v>
      </c>
      <c r="Q21" s="16">
        <v>61.7</v>
      </c>
      <c r="R21" s="18">
        <v>59.8</v>
      </c>
      <c r="S21" s="19"/>
      <c r="T21" s="17">
        <v>2.8</v>
      </c>
      <c r="U21" s="18">
        <v>2.2999999999999998</v>
      </c>
      <c r="V21" s="19"/>
      <c r="W21" s="13"/>
      <c r="X21" s="13"/>
    </row>
    <row r="22" spans="2:24" s="14" customFormat="1" ht="97.95" customHeight="1" x14ac:dyDescent="0.2">
      <c r="B22" s="76" t="s">
        <v>133</v>
      </c>
      <c r="C22" s="228" t="s">
        <v>447</v>
      </c>
      <c r="D22" s="229"/>
      <c r="E22" s="228" t="s">
        <v>464</v>
      </c>
      <c r="F22" s="230"/>
      <c r="G22" s="57" t="s">
        <v>90</v>
      </c>
      <c r="H22" s="58" t="s">
        <v>90</v>
      </c>
      <c r="I22" s="73" t="s">
        <v>90</v>
      </c>
      <c r="J22" s="59" t="s">
        <v>157</v>
      </c>
      <c r="K22" s="74" t="s">
        <v>19</v>
      </c>
      <c r="L22" s="58" t="s">
        <v>90</v>
      </c>
      <c r="M22" s="59" t="s">
        <v>90</v>
      </c>
      <c r="N22" s="57" t="s">
        <v>19</v>
      </c>
      <c r="O22" s="58" t="s">
        <v>90</v>
      </c>
      <c r="P22" s="73" t="s">
        <v>90</v>
      </c>
      <c r="Q22" s="16">
        <v>61.7</v>
      </c>
      <c r="R22" s="18">
        <v>60.9</v>
      </c>
      <c r="S22" s="19"/>
      <c r="T22" s="17">
        <v>3</v>
      </c>
      <c r="U22" s="18">
        <v>2.4</v>
      </c>
      <c r="V22" s="19"/>
      <c r="W22" s="13"/>
      <c r="X22" s="13"/>
    </row>
    <row r="23" spans="2:24" s="15" customFormat="1" ht="97.95" customHeight="1" thickBot="1" x14ac:dyDescent="0.25">
      <c r="B23" s="76" t="s">
        <v>134</v>
      </c>
      <c r="C23" s="228" t="s">
        <v>448</v>
      </c>
      <c r="D23" s="229"/>
      <c r="E23" s="228" t="s">
        <v>465</v>
      </c>
      <c r="F23" s="230"/>
      <c r="G23" s="57" t="s">
        <v>90</v>
      </c>
      <c r="H23" s="58" t="s">
        <v>147</v>
      </c>
      <c r="I23" s="73" t="s">
        <v>90</v>
      </c>
      <c r="J23" s="59" t="s">
        <v>90</v>
      </c>
      <c r="K23" s="74" t="s">
        <v>90</v>
      </c>
      <c r="L23" s="58" t="s">
        <v>19</v>
      </c>
      <c r="M23" s="59" t="s">
        <v>90</v>
      </c>
      <c r="N23" s="57" t="s">
        <v>19</v>
      </c>
      <c r="O23" s="58" t="s">
        <v>90</v>
      </c>
      <c r="P23" s="73" t="s">
        <v>90</v>
      </c>
      <c r="Q23" s="16">
        <v>66.3</v>
      </c>
      <c r="R23" s="18">
        <v>65.599999999999994</v>
      </c>
      <c r="S23" s="77"/>
      <c r="T23" s="17">
        <v>3</v>
      </c>
      <c r="U23" s="18">
        <v>2.5</v>
      </c>
      <c r="V23" s="77"/>
    </row>
  </sheetData>
  <mergeCells count="47">
    <mergeCell ref="C23:D23"/>
    <mergeCell ref="E23:F23"/>
    <mergeCell ref="G5:H5"/>
    <mergeCell ref="I5:J5"/>
    <mergeCell ref="C17:D17"/>
    <mergeCell ref="E17:F17"/>
    <mergeCell ref="C12:D12"/>
    <mergeCell ref="E12:F12"/>
    <mergeCell ref="C13:D13"/>
    <mergeCell ref="E13:F13"/>
    <mergeCell ref="C14:D14"/>
    <mergeCell ref="E14:F14"/>
    <mergeCell ref="C9:D9"/>
    <mergeCell ref="E9:F9"/>
    <mergeCell ref="C15:D15"/>
    <mergeCell ref="E15:F15"/>
    <mergeCell ref="C16:D16"/>
    <mergeCell ref="E16:F16"/>
    <mergeCell ref="K4:M5"/>
    <mergeCell ref="C21:D21"/>
    <mergeCell ref="E21:F21"/>
    <mergeCell ref="C10:D10"/>
    <mergeCell ref="E10:F10"/>
    <mergeCell ref="C11:D11"/>
    <mergeCell ref="E11:F11"/>
    <mergeCell ref="C7:D7"/>
    <mergeCell ref="E7:F7"/>
    <mergeCell ref="C8:D8"/>
    <mergeCell ref="E8:F8"/>
    <mergeCell ref="C22:D22"/>
    <mergeCell ref="E22:F22"/>
    <mergeCell ref="C18:D18"/>
    <mergeCell ref="E18:F18"/>
    <mergeCell ref="C19:D19"/>
    <mergeCell ref="E19:F19"/>
    <mergeCell ref="C20:D20"/>
    <mergeCell ref="E20:F20"/>
    <mergeCell ref="B1:F1"/>
    <mergeCell ref="B3:V3"/>
    <mergeCell ref="B2:V2"/>
    <mergeCell ref="B4:B6"/>
    <mergeCell ref="C4:D6"/>
    <mergeCell ref="E4:F6"/>
    <mergeCell ref="G4:J4"/>
    <mergeCell ref="Q4:S5"/>
    <mergeCell ref="T4:V5"/>
    <mergeCell ref="N4:P5"/>
  </mergeCells>
  <phoneticPr fontId="2"/>
  <conditionalFormatting sqref="B7:B23">
    <cfRule type="expression" dxfId="12" priority="1">
      <formula>LEN(#REF!)&gt;5</formula>
    </cfRule>
  </conditionalFormatting>
  <dataValidations count="1">
    <dataValidation imeMode="hiragana" allowBlank="1" showInputMessage="1" showErrorMessage="1" sqref="E7:E18 E20:E22" xr:uid="{00000000-0002-0000-0200-000000000000}"/>
  </dataValidations>
  <pageMargins left="0.25" right="0.25" top="0.75" bottom="0.75" header="0.3" footer="0.3"/>
  <pageSetup paperSize="9" scale="35"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X20"/>
  <sheetViews>
    <sheetView view="pageBreakPreview" topLeftCell="A12" zoomScale="60" zoomScaleNormal="55" workbookViewId="0">
      <selection activeCell="T6" sqref="T6"/>
    </sheetView>
  </sheetViews>
  <sheetFormatPr defaultRowHeight="14.4" x14ac:dyDescent="0.2"/>
  <cols>
    <col min="1" max="1" width="3.8984375" customWidth="1"/>
    <col min="2" max="2" width="10.69921875" customWidth="1"/>
    <col min="3" max="4" width="17.8984375" customWidth="1"/>
    <col min="5" max="6" width="25.19921875" customWidth="1"/>
    <col min="7" max="24" width="5.69921875" customWidth="1"/>
    <col min="25" max="25" width="4.09765625" customWidth="1"/>
  </cols>
  <sheetData>
    <row r="1" spans="1:24" ht="55.2" customHeight="1" x14ac:dyDescent="0.2">
      <c r="B1" s="184" t="s">
        <v>374</v>
      </c>
      <c r="C1" s="184"/>
      <c r="D1" s="184"/>
      <c r="E1" s="184"/>
      <c r="F1" s="184"/>
    </row>
    <row r="2" spans="1:24" ht="55.2" customHeight="1" x14ac:dyDescent="0.2">
      <c r="B2" s="264" t="s">
        <v>379</v>
      </c>
      <c r="C2" s="265"/>
      <c r="D2" s="265"/>
      <c r="E2" s="265"/>
      <c r="F2" s="265"/>
      <c r="G2" s="265"/>
      <c r="H2" s="265"/>
      <c r="I2" s="265"/>
      <c r="J2" s="265"/>
      <c r="K2" s="265"/>
      <c r="L2" s="265"/>
      <c r="M2" s="265"/>
      <c r="N2" s="265"/>
      <c r="O2" s="265"/>
      <c r="P2" s="265"/>
      <c r="Q2" s="265"/>
      <c r="R2" s="265"/>
      <c r="S2" s="265"/>
      <c r="T2" s="265"/>
      <c r="U2" s="265"/>
      <c r="V2" s="265"/>
      <c r="W2" s="265"/>
      <c r="X2" s="265"/>
    </row>
    <row r="3" spans="1:24" ht="31.2" customHeight="1" x14ac:dyDescent="0.25">
      <c r="B3" s="225" t="s">
        <v>382</v>
      </c>
      <c r="C3" s="225"/>
      <c r="D3" s="225"/>
      <c r="E3" s="225"/>
      <c r="F3" s="225"/>
      <c r="G3" s="225"/>
      <c r="H3" s="225"/>
      <c r="I3" s="225"/>
      <c r="J3" s="225"/>
      <c r="K3" s="225"/>
      <c r="L3" s="225"/>
      <c r="M3" s="225"/>
      <c r="N3" s="225"/>
      <c r="O3" s="225"/>
      <c r="P3" s="225"/>
      <c r="Q3" s="225"/>
      <c r="R3" s="225"/>
      <c r="S3" s="225"/>
      <c r="T3" s="225"/>
      <c r="U3" s="225"/>
      <c r="V3" s="225"/>
      <c r="W3" s="225"/>
      <c r="X3" s="225"/>
    </row>
    <row r="4" spans="1:24" s="1" customFormat="1" ht="34.35" customHeight="1" x14ac:dyDescent="0.2">
      <c r="B4" s="271" t="s">
        <v>0</v>
      </c>
      <c r="C4" s="274" t="s">
        <v>33</v>
      </c>
      <c r="D4" s="275"/>
      <c r="E4" s="280" t="s">
        <v>2</v>
      </c>
      <c r="F4" s="281"/>
      <c r="G4" s="291" t="s">
        <v>34</v>
      </c>
      <c r="H4" s="292"/>
      <c r="I4" s="292"/>
      <c r="J4" s="292"/>
      <c r="K4" s="218"/>
      <c r="L4" s="219"/>
      <c r="M4" s="274" t="s">
        <v>4</v>
      </c>
      <c r="N4" s="275"/>
      <c r="O4" s="293"/>
      <c r="P4" s="280" t="s">
        <v>86</v>
      </c>
      <c r="Q4" s="281"/>
      <c r="R4" s="281"/>
      <c r="S4" s="270" t="s">
        <v>5</v>
      </c>
      <c r="T4" s="270"/>
      <c r="U4" s="270"/>
      <c r="V4" s="270" t="s">
        <v>6</v>
      </c>
      <c r="W4" s="270"/>
      <c r="X4" s="270"/>
    </row>
    <row r="5" spans="1:24" s="1" customFormat="1" ht="34.35" customHeight="1" thickBot="1" x14ac:dyDescent="0.25">
      <c r="A5"/>
      <c r="B5" s="272"/>
      <c r="C5" s="276"/>
      <c r="D5" s="277"/>
      <c r="E5" s="282"/>
      <c r="F5" s="283"/>
      <c r="G5" s="286" t="s">
        <v>35</v>
      </c>
      <c r="H5" s="287"/>
      <c r="I5" s="288"/>
      <c r="J5" s="289" t="s">
        <v>36</v>
      </c>
      <c r="K5" s="289"/>
      <c r="L5" s="290"/>
      <c r="M5" s="278"/>
      <c r="N5" s="279"/>
      <c r="O5" s="294"/>
      <c r="P5" s="198"/>
      <c r="Q5" s="199"/>
      <c r="R5" s="199"/>
      <c r="S5" s="270"/>
      <c r="T5" s="270"/>
      <c r="U5" s="270"/>
      <c r="V5" s="270"/>
      <c r="W5" s="270"/>
      <c r="X5" s="270"/>
    </row>
    <row r="6" spans="1:24" s="1" customFormat="1" ht="300" customHeight="1" x14ac:dyDescent="0.2">
      <c r="B6" s="273"/>
      <c r="C6" s="278"/>
      <c r="D6" s="279"/>
      <c r="E6" s="284"/>
      <c r="F6" s="285"/>
      <c r="G6" s="78" t="s">
        <v>48</v>
      </c>
      <c r="H6" s="79" t="s">
        <v>49</v>
      </c>
      <c r="I6" s="80" t="s">
        <v>50</v>
      </c>
      <c r="J6" s="81" t="s">
        <v>40</v>
      </c>
      <c r="K6" s="82" t="s">
        <v>41</v>
      </c>
      <c r="L6" s="83" t="s">
        <v>42</v>
      </c>
      <c r="M6" s="81" t="s">
        <v>12</v>
      </c>
      <c r="N6" s="82" t="s">
        <v>13</v>
      </c>
      <c r="O6" s="83" t="s">
        <v>14</v>
      </c>
      <c r="P6" s="84" t="s">
        <v>87</v>
      </c>
      <c r="Q6" s="82" t="s">
        <v>88</v>
      </c>
      <c r="R6" s="85" t="s">
        <v>89</v>
      </c>
      <c r="S6" s="86" t="s">
        <v>15</v>
      </c>
      <c r="T6" s="87" t="s">
        <v>51</v>
      </c>
      <c r="U6" s="88" t="s">
        <v>108</v>
      </c>
      <c r="V6" s="89" t="s">
        <v>15</v>
      </c>
      <c r="W6" s="87" t="s">
        <v>51</v>
      </c>
      <c r="X6" s="88" t="s">
        <v>108</v>
      </c>
    </row>
    <row r="7" spans="1:24" s="14" customFormat="1" ht="89.4" customHeight="1" x14ac:dyDescent="0.2">
      <c r="B7" s="90" t="s">
        <v>43</v>
      </c>
      <c r="C7" s="266" t="s">
        <v>477</v>
      </c>
      <c r="D7" s="267"/>
      <c r="E7" s="268" t="s">
        <v>466</v>
      </c>
      <c r="F7" s="269"/>
      <c r="G7" s="91" t="s">
        <v>53</v>
      </c>
      <c r="H7" s="92" t="s">
        <v>90</v>
      </c>
      <c r="I7" s="93" t="s">
        <v>90</v>
      </c>
      <c r="J7" s="91" t="s">
        <v>90</v>
      </c>
      <c r="K7" s="94" t="s">
        <v>90</v>
      </c>
      <c r="L7" s="95" t="s">
        <v>90</v>
      </c>
      <c r="M7" s="96" t="s">
        <v>19</v>
      </c>
      <c r="N7" s="97" t="s">
        <v>90</v>
      </c>
      <c r="O7" s="98" t="s">
        <v>90</v>
      </c>
      <c r="P7" s="99" t="s">
        <v>19</v>
      </c>
      <c r="Q7" s="97" t="s">
        <v>90</v>
      </c>
      <c r="R7" s="100" t="s">
        <v>90</v>
      </c>
      <c r="S7" s="12">
        <v>37.5</v>
      </c>
      <c r="T7" s="9">
        <v>35.200000000000003</v>
      </c>
      <c r="U7" s="10"/>
      <c r="V7" s="8">
        <v>0.2</v>
      </c>
      <c r="W7" s="9">
        <v>0.2</v>
      </c>
      <c r="X7" s="10"/>
    </row>
    <row r="8" spans="1:24" s="14" customFormat="1" ht="89.4" customHeight="1" x14ac:dyDescent="0.2">
      <c r="B8" s="90" t="s">
        <v>92</v>
      </c>
      <c r="C8" s="266" t="s">
        <v>203</v>
      </c>
      <c r="D8" s="267"/>
      <c r="E8" s="268" t="s">
        <v>204</v>
      </c>
      <c r="F8" s="269"/>
      <c r="G8" s="91" t="s">
        <v>90</v>
      </c>
      <c r="H8" s="92" t="s">
        <v>90</v>
      </c>
      <c r="I8" s="93" t="s">
        <v>90</v>
      </c>
      <c r="J8" s="91" t="s">
        <v>90</v>
      </c>
      <c r="K8" s="94" t="s">
        <v>54</v>
      </c>
      <c r="L8" s="95" t="s">
        <v>90</v>
      </c>
      <c r="M8" s="96" t="s">
        <v>90</v>
      </c>
      <c r="N8" s="97" t="s">
        <v>19</v>
      </c>
      <c r="O8" s="98" t="s">
        <v>90</v>
      </c>
      <c r="P8" s="99" t="s">
        <v>19</v>
      </c>
      <c r="Q8" s="97" t="s">
        <v>90</v>
      </c>
      <c r="R8" s="100" t="s">
        <v>90</v>
      </c>
      <c r="S8" s="12">
        <v>82.6</v>
      </c>
      <c r="T8" s="9">
        <v>82.5</v>
      </c>
      <c r="U8" s="10"/>
      <c r="V8" s="8">
        <v>0.2</v>
      </c>
      <c r="W8" s="9">
        <v>0.2</v>
      </c>
      <c r="X8" s="10"/>
    </row>
    <row r="9" spans="1:24" s="14" customFormat="1" ht="89.4" customHeight="1" x14ac:dyDescent="0.2">
      <c r="B9" s="101" t="s">
        <v>44</v>
      </c>
      <c r="C9" s="266" t="s">
        <v>205</v>
      </c>
      <c r="D9" s="267"/>
      <c r="E9" s="268" t="s">
        <v>206</v>
      </c>
      <c r="F9" s="269"/>
      <c r="G9" s="91" t="s">
        <v>90</v>
      </c>
      <c r="H9" s="92" t="s">
        <v>90</v>
      </c>
      <c r="I9" s="93" t="s">
        <v>90</v>
      </c>
      <c r="J9" s="91" t="s">
        <v>90</v>
      </c>
      <c r="K9" s="94" t="s">
        <v>207</v>
      </c>
      <c r="L9" s="95" t="s">
        <v>90</v>
      </c>
      <c r="M9" s="96" t="s">
        <v>90</v>
      </c>
      <c r="N9" s="97" t="s">
        <v>19</v>
      </c>
      <c r="O9" s="98" t="s">
        <v>90</v>
      </c>
      <c r="P9" s="99" t="s">
        <v>19</v>
      </c>
      <c r="Q9" s="97" t="s">
        <v>90</v>
      </c>
      <c r="R9" s="100" t="s">
        <v>90</v>
      </c>
      <c r="S9" s="12">
        <v>64.900000000000006</v>
      </c>
      <c r="T9" s="9">
        <v>63.3</v>
      </c>
      <c r="U9" s="10"/>
      <c r="V9" s="8">
        <v>0.6</v>
      </c>
      <c r="W9" s="9">
        <v>0.5</v>
      </c>
      <c r="X9" s="10"/>
    </row>
    <row r="10" spans="1:24" s="14" customFormat="1" ht="89.4" customHeight="1" x14ac:dyDescent="0.2">
      <c r="B10" s="101" t="s">
        <v>208</v>
      </c>
      <c r="C10" s="266" t="s">
        <v>209</v>
      </c>
      <c r="D10" s="267"/>
      <c r="E10" s="268" t="s">
        <v>210</v>
      </c>
      <c r="F10" s="269"/>
      <c r="G10" s="91" t="s">
        <v>90</v>
      </c>
      <c r="H10" s="92" t="s">
        <v>90</v>
      </c>
      <c r="I10" s="93" t="s">
        <v>90</v>
      </c>
      <c r="J10" s="91" t="s">
        <v>90</v>
      </c>
      <c r="K10" s="94" t="s">
        <v>211</v>
      </c>
      <c r="L10" s="95" t="s">
        <v>90</v>
      </c>
      <c r="M10" s="96" t="s">
        <v>90</v>
      </c>
      <c r="N10" s="97" t="s">
        <v>19</v>
      </c>
      <c r="O10" s="98" t="s">
        <v>90</v>
      </c>
      <c r="P10" s="99" t="s">
        <v>90</v>
      </c>
      <c r="Q10" s="97" t="s">
        <v>90</v>
      </c>
      <c r="R10" s="100" t="s">
        <v>19</v>
      </c>
      <c r="S10" s="12">
        <v>28.9</v>
      </c>
      <c r="T10" s="9">
        <v>31</v>
      </c>
      <c r="U10" s="10"/>
      <c r="V10" s="8">
        <v>1.6</v>
      </c>
      <c r="W10" s="9">
        <v>1.6</v>
      </c>
      <c r="X10" s="10"/>
    </row>
    <row r="11" spans="1:24" s="14" customFormat="1" ht="89.4" customHeight="1" x14ac:dyDescent="0.2">
      <c r="B11" s="101" t="s">
        <v>97</v>
      </c>
      <c r="C11" s="266" t="s">
        <v>212</v>
      </c>
      <c r="D11" s="267"/>
      <c r="E11" s="268" t="s">
        <v>213</v>
      </c>
      <c r="F11" s="269"/>
      <c r="G11" s="91" t="s">
        <v>90</v>
      </c>
      <c r="H11" s="92" t="s">
        <v>90</v>
      </c>
      <c r="I11" s="93" t="s">
        <v>90</v>
      </c>
      <c r="J11" s="91" t="s">
        <v>53</v>
      </c>
      <c r="K11" s="94" t="s">
        <v>90</v>
      </c>
      <c r="L11" s="95" t="s">
        <v>90</v>
      </c>
      <c r="M11" s="96" t="s">
        <v>90</v>
      </c>
      <c r="N11" s="97" t="s">
        <v>19</v>
      </c>
      <c r="O11" s="98" t="s">
        <v>90</v>
      </c>
      <c r="P11" s="99" t="s">
        <v>19</v>
      </c>
      <c r="Q11" s="97" t="s">
        <v>90</v>
      </c>
      <c r="R11" s="100" t="s">
        <v>90</v>
      </c>
      <c r="S11" s="12">
        <v>39.200000000000003</v>
      </c>
      <c r="T11" s="9">
        <v>38.1</v>
      </c>
      <c r="U11" s="10"/>
      <c r="V11" s="8">
        <v>0.3</v>
      </c>
      <c r="W11" s="9">
        <v>0.3</v>
      </c>
      <c r="X11" s="10"/>
    </row>
    <row r="12" spans="1:24" s="14" customFormat="1" ht="89.4" customHeight="1" x14ac:dyDescent="0.2">
      <c r="B12" s="101" t="s">
        <v>45</v>
      </c>
      <c r="C12" s="266" t="s">
        <v>214</v>
      </c>
      <c r="D12" s="267"/>
      <c r="E12" s="268" t="s">
        <v>215</v>
      </c>
      <c r="F12" s="269"/>
      <c r="G12" s="91" t="s">
        <v>90</v>
      </c>
      <c r="H12" s="92" t="s">
        <v>90</v>
      </c>
      <c r="I12" s="93" t="s">
        <v>90</v>
      </c>
      <c r="J12" s="91" t="s">
        <v>211</v>
      </c>
      <c r="K12" s="94" t="s">
        <v>90</v>
      </c>
      <c r="L12" s="95" t="s">
        <v>90</v>
      </c>
      <c r="M12" s="96" t="s">
        <v>90</v>
      </c>
      <c r="N12" s="97" t="s">
        <v>19</v>
      </c>
      <c r="O12" s="98" t="s">
        <v>90</v>
      </c>
      <c r="P12" s="99" t="s">
        <v>19</v>
      </c>
      <c r="Q12" s="97" t="s">
        <v>90</v>
      </c>
      <c r="R12" s="100" t="s">
        <v>90</v>
      </c>
      <c r="S12" s="12">
        <v>78.599999999999994</v>
      </c>
      <c r="T12" s="9">
        <v>77.900000000000006</v>
      </c>
      <c r="U12" s="10"/>
      <c r="V12" s="8">
        <v>0.3</v>
      </c>
      <c r="W12" s="9">
        <v>0.3</v>
      </c>
      <c r="X12" s="10"/>
    </row>
    <row r="13" spans="1:24" s="14" customFormat="1" ht="89.4" customHeight="1" x14ac:dyDescent="0.2">
      <c r="B13" s="101" t="s">
        <v>99</v>
      </c>
      <c r="C13" s="266" t="s">
        <v>216</v>
      </c>
      <c r="D13" s="267"/>
      <c r="E13" s="268" t="s">
        <v>217</v>
      </c>
      <c r="F13" s="269"/>
      <c r="G13" s="91" t="s">
        <v>90</v>
      </c>
      <c r="H13" s="92" t="s">
        <v>90</v>
      </c>
      <c r="I13" s="93" t="s">
        <v>90</v>
      </c>
      <c r="J13" s="91" t="s">
        <v>218</v>
      </c>
      <c r="K13" s="94" t="s">
        <v>90</v>
      </c>
      <c r="L13" s="95" t="s">
        <v>90</v>
      </c>
      <c r="M13" s="96" t="s">
        <v>90</v>
      </c>
      <c r="N13" s="97" t="s">
        <v>19</v>
      </c>
      <c r="O13" s="98" t="s">
        <v>90</v>
      </c>
      <c r="P13" s="99" t="s">
        <v>19</v>
      </c>
      <c r="Q13" s="97" t="s">
        <v>90</v>
      </c>
      <c r="R13" s="100" t="s">
        <v>90</v>
      </c>
      <c r="S13" s="12">
        <v>74.8</v>
      </c>
      <c r="T13" s="9">
        <v>73.400000000000006</v>
      </c>
      <c r="U13" s="10"/>
      <c r="V13" s="8">
        <v>0.6</v>
      </c>
      <c r="W13" s="9">
        <v>0.6</v>
      </c>
      <c r="X13" s="10"/>
    </row>
    <row r="14" spans="1:24" s="14" customFormat="1" ht="89.4" customHeight="1" x14ac:dyDescent="0.2">
      <c r="B14" s="101" t="s">
        <v>56</v>
      </c>
      <c r="C14" s="266" t="s">
        <v>219</v>
      </c>
      <c r="D14" s="267"/>
      <c r="E14" s="268" t="s">
        <v>213</v>
      </c>
      <c r="F14" s="269"/>
      <c r="G14" s="91" t="s">
        <v>90</v>
      </c>
      <c r="H14" s="92" t="s">
        <v>90</v>
      </c>
      <c r="I14" s="93" t="s">
        <v>90</v>
      </c>
      <c r="J14" s="91" t="s">
        <v>53</v>
      </c>
      <c r="K14" s="94" t="s">
        <v>90</v>
      </c>
      <c r="L14" s="95" t="s">
        <v>90</v>
      </c>
      <c r="M14" s="96" t="s">
        <v>90</v>
      </c>
      <c r="N14" s="97" t="s">
        <v>19</v>
      </c>
      <c r="O14" s="98" t="s">
        <v>90</v>
      </c>
      <c r="P14" s="99" t="s">
        <v>90</v>
      </c>
      <c r="Q14" s="97" t="s">
        <v>90</v>
      </c>
      <c r="R14" s="100" t="s">
        <v>19</v>
      </c>
      <c r="S14" s="12">
        <v>22.9</v>
      </c>
      <c r="T14" s="9">
        <v>23.2</v>
      </c>
      <c r="U14" s="10"/>
      <c r="V14" s="8">
        <v>3.4</v>
      </c>
      <c r="W14" s="9">
        <v>4</v>
      </c>
      <c r="X14" s="10"/>
    </row>
    <row r="15" spans="1:24" s="14" customFormat="1" ht="89.4" customHeight="1" x14ac:dyDescent="0.2">
      <c r="B15" s="101" t="s">
        <v>46</v>
      </c>
      <c r="C15" s="266" t="s">
        <v>220</v>
      </c>
      <c r="D15" s="267"/>
      <c r="E15" s="268" t="s">
        <v>221</v>
      </c>
      <c r="F15" s="269"/>
      <c r="G15" s="91" t="s">
        <v>90</v>
      </c>
      <c r="H15" s="92" t="s">
        <v>90</v>
      </c>
      <c r="I15" s="93" t="s">
        <v>90</v>
      </c>
      <c r="J15" s="91" t="s">
        <v>90</v>
      </c>
      <c r="K15" s="94" t="s">
        <v>90</v>
      </c>
      <c r="L15" s="95" t="s">
        <v>52</v>
      </c>
      <c r="M15" s="96" t="s">
        <v>90</v>
      </c>
      <c r="N15" s="97" t="s">
        <v>19</v>
      </c>
      <c r="O15" s="98" t="s">
        <v>90</v>
      </c>
      <c r="P15" s="99" t="s">
        <v>19</v>
      </c>
      <c r="Q15" s="97" t="s">
        <v>90</v>
      </c>
      <c r="R15" s="100" t="s">
        <v>90</v>
      </c>
      <c r="S15" s="12">
        <v>80.400000000000006</v>
      </c>
      <c r="T15" s="9">
        <v>80</v>
      </c>
      <c r="U15" s="10"/>
      <c r="V15" s="8">
        <v>0.5</v>
      </c>
      <c r="W15" s="9">
        <v>0.5</v>
      </c>
      <c r="X15" s="10"/>
    </row>
    <row r="16" spans="1:24" s="14" customFormat="1" ht="89.4" customHeight="1" x14ac:dyDescent="0.2">
      <c r="B16" s="101" t="s">
        <v>222</v>
      </c>
      <c r="C16" s="266" t="s">
        <v>223</v>
      </c>
      <c r="D16" s="267"/>
      <c r="E16" s="268" t="s">
        <v>224</v>
      </c>
      <c r="F16" s="269"/>
      <c r="G16" s="91" t="s">
        <v>90</v>
      </c>
      <c r="H16" s="92" t="s">
        <v>90</v>
      </c>
      <c r="I16" s="93" t="s">
        <v>90</v>
      </c>
      <c r="J16" s="91" t="s">
        <v>90</v>
      </c>
      <c r="K16" s="94" t="s">
        <v>90</v>
      </c>
      <c r="L16" s="95" t="s">
        <v>55</v>
      </c>
      <c r="M16" s="96" t="s">
        <v>90</v>
      </c>
      <c r="N16" s="97" t="s">
        <v>19</v>
      </c>
      <c r="O16" s="98" t="s">
        <v>90</v>
      </c>
      <c r="P16" s="99" t="s">
        <v>90</v>
      </c>
      <c r="Q16" s="97" t="s">
        <v>19</v>
      </c>
      <c r="R16" s="100" t="s">
        <v>90</v>
      </c>
      <c r="S16" s="12">
        <v>90.3</v>
      </c>
      <c r="T16" s="9">
        <v>89.9</v>
      </c>
      <c r="U16" s="10"/>
      <c r="V16" s="8">
        <v>3.4</v>
      </c>
      <c r="W16" s="9">
        <v>4</v>
      </c>
      <c r="X16" s="10"/>
    </row>
    <row r="17" spans="2:24" s="14" customFormat="1" ht="89.4" customHeight="1" x14ac:dyDescent="0.2">
      <c r="B17" s="101" t="s">
        <v>47</v>
      </c>
      <c r="C17" s="266" t="s">
        <v>225</v>
      </c>
      <c r="D17" s="267"/>
      <c r="E17" s="268" t="s">
        <v>226</v>
      </c>
      <c r="F17" s="269"/>
      <c r="G17" s="91" t="s">
        <v>211</v>
      </c>
      <c r="H17" s="92" t="s">
        <v>90</v>
      </c>
      <c r="I17" s="93" t="s">
        <v>90</v>
      </c>
      <c r="J17" s="91" t="s">
        <v>90</v>
      </c>
      <c r="K17" s="102" t="s">
        <v>90</v>
      </c>
      <c r="L17" s="95" t="s">
        <v>90</v>
      </c>
      <c r="M17" s="96" t="s">
        <v>19</v>
      </c>
      <c r="N17" s="97" t="s">
        <v>90</v>
      </c>
      <c r="O17" s="98" t="s">
        <v>90</v>
      </c>
      <c r="P17" s="99" t="s">
        <v>19</v>
      </c>
      <c r="Q17" s="97" t="s">
        <v>90</v>
      </c>
      <c r="R17" s="100" t="s">
        <v>90</v>
      </c>
      <c r="S17" s="12">
        <v>60.5</v>
      </c>
      <c r="T17" s="9">
        <v>61</v>
      </c>
      <c r="U17" s="10"/>
      <c r="V17" s="8">
        <v>0.8</v>
      </c>
      <c r="W17" s="9">
        <v>0.8</v>
      </c>
      <c r="X17" s="10"/>
    </row>
    <row r="18" spans="2:24" s="14" customFormat="1" ht="89.4" customHeight="1" x14ac:dyDescent="0.2">
      <c r="B18" s="101" t="s">
        <v>227</v>
      </c>
      <c r="C18" s="266" t="s">
        <v>228</v>
      </c>
      <c r="D18" s="267"/>
      <c r="E18" s="268" t="s">
        <v>229</v>
      </c>
      <c r="F18" s="269"/>
      <c r="G18" s="91" t="s">
        <v>90</v>
      </c>
      <c r="H18" s="92" t="s">
        <v>90</v>
      </c>
      <c r="I18" s="93" t="s">
        <v>90</v>
      </c>
      <c r="J18" s="91" t="s">
        <v>90</v>
      </c>
      <c r="K18" s="94" t="s">
        <v>90</v>
      </c>
      <c r="L18" s="95" t="s">
        <v>52</v>
      </c>
      <c r="M18" s="96" t="s">
        <v>90</v>
      </c>
      <c r="N18" s="97" t="s">
        <v>19</v>
      </c>
      <c r="O18" s="98" t="s">
        <v>90</v>
      </c>
      <c r="P18" s="99" t="s">
        <v>90</v>
      </c>
      <c r="Q18" s="97" t="s">
        <v>90</v>
      </c>
      <c r="R18" s="100" t="s">
        <v>19</v>
      </c>
      <c r="S18" s="12">
        <v>18.100000000000001</v>
      </c>
      <c r="T18" s="9">
        <v>17.100000000000001</v>
      </c>
      <c r="U18" s="10"/>
      <c r="V18" s="8">
        <v>25.9</v>
      </c>
      <c r="W18" s="9">
        <v>28.1</v>
      </c>
      <c r="X18" s="10"/>
    </row>
    <row r="19" spans="2:24" s="14" customFormat="1" ht="89.4" customHeight="1" x14ac:dyDescent="0.2">
      <c r="B19" s="101" t="s">
        <v>230</v>
      </c>
      <c r="C19" s="266" t="s">
        <v>231</v>
      </c>
      <c r="D19" s="267"/>
      <c r="E19" s="268" t="s">
        <v>232</v>
      </c>
      <c r="F19" s="269"/>
      <c r="G19" s="91" t="s">
        <v>90</v>
      </c>
      <c r="H19" s="92" t="s">
        <v>90</v>
      </c>
      <c r="I19" s="93" t="s">
        <v>90</v>
      </c>
      <c r="J19" s="91" t="s">
        <v>90</v>
      </c>
      <c r="K19" s="102" t="s">
        <v>52</v>
      </c>
      <c r="L19" s="95" t="s">
        <v>90</v>
      </c>
      <c r="M19" s="96" t="s">
        <v>90</v>
      </c>
      <c r="N19" s="97" t="s">
        <v>19</v>
      </c>
      <c r="O19" s="98" t="s">
        <v>90</v>
      </c>
      <c r="P19" s="99" t="s">
        <v>90</v>
      </c>
      <c r="Q19" s="97" t="s">
        <v>19</v>
      </c>
      <c r="R19" s="100" t="s">
        <v>90</v>
      </c>
      <c r="S19" s="12">
        <v>53.3</v>
      </c>
      <c r="T19" s="9">
        <v>57.3</v>
      </c>
      <c r="U19" s="10"/>
      <c r="V19" s="8">
        <v>36.299999999999997</v>
      </c>
      <c r="W19" s="9">
        <v>33.5</v>
      </c>
      <c r="X19" s="10"/>
    </row>
    <row r="20" spans="2:24" s="14" customFormat="1" ht="89.4" customHeight="1" thickBot="1" x14ac:dyDescent="0.25">
      <c r="B20" s="101" t="s">
        <v>233</v>
      </c>
      <c r="C20" s="266" t="s">
        <v>234</v>
      </c>
      <c r="D20" s="267"/>
      <c r="E20" s="268" t="s">
        <v>235</v>
      </c>
      <c r="F20" s="269"/>
      <c r="G20" s="91" t="s">
        <v>90</v>
      </c>
      <c r="H20" s="92" t="s">
        <v>90</v>
      </c>
      <c r="I20" s="93" t="s">
        <v>90</v>
      </c>
      <c r="J20" s="91" t="s">
        <v>90</v>
      </c>
      <c r="K20" s="94" t="s">
        <v>52</v>
      </c>
      <c r="L20" s="95" t="s">
        <v>90</v>
      </c>
      <c r="M20" s="96" t="s">
        <v>90</v>
      </c>
      <c r="N20" s="97" t="s">
        <v>19</v>
      </c>
      <c r="O20" s="98" t="s">
        <v>90</v>
      </c>
      <c r="P20" s="99" t="s">
        <v>90</v>
      </c>
      <c r="Q20" s="97" t="s">
        <v>90</v>
      </c>
      <c r="R20" s="100" t="s">
        <v>19</v>
      </c>
      <c r="S20" s="12">
        <v>31.6</v>
      </c>
      <c r="T20" s="9">
        <v>30.1</v>
      </c>
      <c r="U20" s="11"/>
      <c r="V20" s="8">
        <v>17.899999999999999</v>
      </c>
      <c r="W20" s="9">
        <v>19.100000000000001</v>
      </c>
      <c r="X20" s="11"/>
    </row>
  </sheetData>
  <mergeCells count="41">
    <mergeCell ref="E11:F11"/>
    <mergeCell ref="V4:X5"/>
    <mergeCell ref="C8:D8"/>
    <mergeCell ref="E8:F8"/>
    <mergeCell ref="B4:B6"/>
    <mergeCell ref="C4:D6"/>
    <mergeCell ref="E4:F6"/>
    <mergeCell ref="S4:U5"/>
    <mergeCell ref="G5:I5"/>
    <mergeCell ref="J5:L5"/>
    <mergeCell ref="C7:D7"/>
    <mergeCell ref="E7:F7"/>
    <mergeCell ref="G4:L4"/>
    <mergeCell ref="M4:O5"/>
    <mergeCell ref="P4:R5"/>
    <mergeCell ref="C19:D19"/>
    <mergeCell ref="E19:F19"/>
    <mergeCell ref="C20:D20"/>
    <mergeCell ref="E20:F20"/>
    <mergeCell ref="C15:D15"/>
    <mergeCell ref="E15:F15"/>
    <mergeCell ref="C16:D16"/>
    <mergeCell ref="E16:F16"/>
    <mergeCell ref="C17:D17"/>
    <mergeCell ref="E17:F17"/>
    <mergeCell ref="B1:F1"/>
    <mergeCell ref="B3:X3"/>
    <mergeCell ref="B2:X2"/>
    <mergeCell ref="C18:D18"/>
    <mergeCell ref="E18:F18"/>
    <mergeCell ref="C12:D12"/>
    <mergeCell ref="E12:F12"/>
    <mergeCell ref="C13:D13"/>
    <mergeCell ref="E13:F13"/>
    <mergeCell ref="C14:D14"/>
    <mergeCell ref="E14:F14"/>
    <mergeCell ref="C9:D9"/>
    <mergeCell ref="E9:F9"/>
    <mergeCell ref="C10:D10"/>
    <mergeCell ref="E10:F10"/>
    <mergeCell ref="C11:D11"/>
  </mergeCells>
  <phoneticPr fontId="2"/>
  <conditionalFormatting sqref="B7:B20">
    <cfRule type="expression" dxfId="11" priority="3">
      <formula>LEN(#REF!)&gt;5</formula>
    </cfRule>
  </conditionalFormatting>
  <conditionalFormatting sqref="C7:C20">
    <cfRule type="expression" dxfId="10" priority="1">
      <formula>LEN(#REF!)&gt;60</formula>
    </cfRule>
  </conditionalFormatting>
  <conditionalFormatting sqref="E7:E20">
    <cfRule type="expression" priority="2">
      <formula>LEN(#REF!)&gt;45</formula>
    </cfRule>
  </conditionalFormatting>
  <pageMargins left="0.25" right="0.25" top="0.75" bottom="0.75" header="0.3" footer="0.3"/>
  <pageSetup paperSize="9" scale="44"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B1:V20"/>
  <sheetViews>
    <sheetView view="pageBreakPreview" topLeftCell="A15" zoomScale="50" zoomScaleNormal="55" zoomScaleSheetLayoutView="50" workbookViewId="0">
      <selection activeCell="J6" sqref="J6"/>
    </sheetView>
  </sheetViews>
  <sheetFormatPr defaultRowHeight="14.4" x14ac:dyDescent="0.2"/>
  <cols>
    <col min="1" max="1" width="3.8984375" customWidth="1"/>
    <col min="2" max="2" width="10.69921875" customWidth="1"/>
    <col min="3" max="3" width="25.19921875" customWidth="1"/>
    <col min="4" max="4" width="36.19921875" customWidth="1"/>
    <col min="5" max="5" width="26.69921875" customWidth="1"/>
    <col min="6" max="6" width="31.59765625" customWidth="1"/>
    <col min="7" max="22" width="10.19921875" customWidth="1"/>
    <col min="23" max="23" width="4.09765625" customWidth="1"/>
  </cols>
  <sheetData>
    <row r="1" spans="2:22" ht="55.2" customHeight="1" x14ac:dyDescent="0.2">
      <c r="B1" s="295" t="s">
        <v>375</v>
      </c>
      <c r="C1" s="295"/>
      <c r="D1" s="295"/>
      <c r="E1" s="295"/>
      <c r="F1" s="295"/>
    </row>
    <row r="2" spans="2:22" ht="55.2" customHeight="1" x14ac:dyDescent="0.2">
      <c r="B2" s="296" t="s">
        <v>380</v>
      </c>
      <c r="C2" s="297"/>
      <c r="D2" s="297"/>
      <c r="E2" s="297"/>
      <c r="F2" s="297"/>
      <c r="G2" s="297"/>
      <c r="H2" s="297"/>
      <c r="I2" s="297"/>
      <c r="J2" s="297"/>
      <c r="K2" s="297"/>
      <c r="L2" s="297"/>
      <c r="M2" s="297"/>
      <c r="N2" s="297"/>
      <c r="O2" s="297"/>
      <c r="P2" s="297"/>
      <c r="Q2" s="297"/>
      <c r="R2" s="297"/>
      <c r="S2" s="297"/>
      <c r="T2" s="297"/>
      <c r="U2" s="297"/>
      <c r="V2" s="297"/>
    </row>
    <row r="3" spans="2:22" ht="31.2" customHeight="1" x14ac:dyDescent="0.25">
      <c r="B3" s="249" t="s">
        <v>382</v>
      </c>
      <c r="C3" s="249"/>
      <c r="D3" s="249"/>
      <c r="E3" s="249"/>
      <c r="F3" s="249"/>
      <c r="G3" s="249"/>
      <c r="H3" s="249"/>
      <c r="I3" s="249"/>
      <c r="J3" s="249"/>
      <c r="K3" s="249"/>
      <c r="L3" s="249"/>
      <c r="M3" s="249"/>
      <c r="N3" s="249"/>
      <c r="O3" s="249"/>
      <c r="P3" s="249"/>
      <c r="Q3" s="249"/>
      <c r="R3" s="249"/>
      <c r="S3" s="249"/>
      <c r="T3" s="249"/>
      <c r="U3" s="249"/>
      <c r="V3" s="249"/>
    </row>
    <row r="4" spans="2:22" s="1" customFormat="1" ht="34.35" customHeight="1" thickBot="1" x14ac:dyDescent="0.25">
      <c r="B4" s="302" t="s">
        <v>0</v>
      </c>
      <c r="C4" s="304" t="s">
        <v>1</v>
      </c>
      <c r="D4" s="305"/>
      <c r="E4" s="308" t="s">
        <v>2</v>
      </c>
      <c r="F4" s="309"/>
      <c r="G4" s="313" t="s">
        <v>3</v>
      </c>
      <c r="H4" s="314"/>
      <c r="I4" s="314"/>
      <c r="J4" s="315"/>
      <c r="K4" s="313" t="s">
        <v>4</v>
      </c>
      <c r="L4" s="314"/>
      <c r="M4" s="315"/>
      <c r="N4" s="316" t="s">
        <v>86</v>
      </c>
      <c r="O4" s="317"/>
      <c r="P4" s="317"/>
      <c r="Q4" s="312" t="s">
        <v>5</v>
      </c>
      <c r="R4" s="312"/>
      <c r="S4" s="312"/>
      <c r="T4" s="312" t="s">
        <v>6</v>
      </c>
      <c r="U4" s="312"/>
      <c r="V4" s="312"/>
    </row>
    <row r="5" spans="2:22" s="1" customFormat="1" ht="300" customHeight="1" x14ac:dyDescent="0.2">
      <c r="B5" s="303"/>
      <c r="C5" s="306"/>
      <c r="D5" s="307"/>
      <c r="E5" s="310"/>
      <c r="F5" s="311"/>
      <c r="G5" s="103" t="s">
        <v>57</v>
      </c>
      <c r="H5" s="104" t="s">
        <v>8</v>
      </c>
      <c r="I5" s="105" t="s">
        <v>58</v>
      </c>
      <c r="J5" s="106" t="s">
        <v>11</v>
      </c>
      <c r="K5" s="103" t="s">
        <v>12</v>
      </c>
      <c r="L5" s="104" t="s">
        <v>13</v>
      </c>
      <c r="M5" s="104" t="s">
        <v>14</v>
      </c>
      <c r="N5" s="103" t="s">
        <v>87</v>
      </c>
      <c r="O5" s="104" t="s">
        <v>88</v>
      </c>
      <c r="P5" s="105" t="s">
        <v>89</v>
      </c>
      <c r="Q5" s="107" t="s">
        <v>15</v>
      </c>
      <c r="R5" s="108" t="s">
        <v>51</v>
      </c>
      <c r="S5" s="109" t="s">
        <v>108</v>
      </c>
      <c r="T5" s="110" t="s">
        <v>15</v>
      </c>
      <c r="U5" s="108" t="s">
        <v>51</v>
      </c>
      <c r="V5" s="111" t="s">
        <v>108</v>
      </c>
    </row>
    <row r="6" spans="2:22" s="14" customFormat="1" ht="150" customHeight="1" x14ac:dyDescent="0.2">
      <c r="B6" s="112" t="s">
        <v>59</v>
      </c>
      <c r="C6" s="298" t="s">
        <v>162</v>
      </c>
      <c r="D6" s="299"/>
      <c r="E6" s="300" t="s">
        <v>163</v>
      </c>
      <c r="F6" s="301"/>
      <c r="G6" s="113" t="s">
        <v>164</v>
      </c>
      <c r="H6" s="114" t="s">
        <v>90</v>
      </c>
      <c r="I6" s="114" t="s">
        <v>90</v>
      </c>
      <c r="J6" s="115" t="s">
        <v>90</v>
      </c>
      <c r="K6" s="116" t="s">
        <v>19</v>
      </c>
      <c r="L6" s="117" t="s">
        <v>90</v>
      </c>
      <c r="M6" s="118" t="s">
        <v>90</v>
      </c>
      <c r="N6" s="116" t="s">
        <v>19</v>
      </c>
      <c r="O6" s="117" t="s">
        <v>90</v>
      </c>
      <c r="P6" s="119" t="s">
        <v>90</v>
      </c>
      <c r="Q6" s="21">
        <v>38</v>
      </c>
      <c r="R6" s="23">
        <v>31.8</v>
      </c>
      <c r="S6" s="120"/>
      <c r="T6" s="22">
        <v>0.5</v>
      </c>
      <c r="U6" s="23">
        <v>0.7</v>
      </c>
      <c r="V6" s="121"/>
    </row>
    <row r="7" spans="2:22" s="14" customFormat="1" ht="150" customHeight="1" x14ac:dyDescent="0.2">
      <c r="B7" s="112" t="s">
        <v>60</v>
      </c>
      <c r="C7" s="298" t="s">
        <v>165</v>
      </c>
      <c r="D7" s="299"/>
      <c r="E7" s="300" t="s">
        <v>166</v>
      </c>
      <c r="F7" s="301"/>
      <c r="G7" s="122" t="s">
        <v>167</v>
      </c>
      <c r="H7" s="114" t="s">
        <v>90</v>
      </c>
      <c r="I7" s="114" t="s">
        <v>90</v>
      </c>
      <c r="J7" s="115" t="s">
        <v>90</v>
      </c>
      <c r="K7" s="116" t="s">
        <v>19</v>
      </c>
      <c r="L7" s="117" t="s">
        <v>90</v>
      </c>
      <c r="M7" s="118" t="s">
        <v>90</v>
      </c>
      <c r="N7" s="116" t="s">
        <v>90</v>
      </c>
      <c r="O7" s="117" t="s">
        <v>19</v>
      </c>
      <c r="P7" s="123" t="s">
        <v>90</v>
      </c>
      <c r="Q7" s="21">
        <v>52.5</v>
      </c>
      <c r="R7" s="23">
        <v>51.9</v>
      </c>
      <c r="S7" s="120"/>
      <c r="T7" s="22">
        <v>7.1</v>
      </c>
      <c r="U7" s="23">
        <v>7.3</v>
      </c>
      <c r="V7" s="121"/>
    </row>
    <row r="8" spans="2:22" s="14" customFormat="1" ht="150" customHeight="1" x14ac:dyDescent="0.2">
      <c r="B8" s="112" t="s">
        <v>61</v>
      </c>
      <c r="C8" s="298" t="s">
        <v>168</v>
      </c>
      <c r="D8" s="299"/>
      <c r="E8" s="300" t="s">
        <v>169</v>
      </c>
      <c r="F8" s="301"/>
      <c r="G8" s="113" t="s">
        <v>90</v>
      </c>
      <c r="H8" s="122" t="s">
        <v>170</v>
      </c>
      <c r="I8" s="114" t="s">
        <v>90</v>
      </c>
      <c r="J8" s="115" t="s">
        <v>90</v>
      </c>
      <c r="K8" s="116" t="s">
        <v>19</v>
      </c>
      <c r="L8" s="117" t="s">
        <v>90</v>
      </c>
      <c r="M8" s="118" t="s">
        <v>90</v>
      </c>
      <c r="N8" s="116" t="s">
        <v>90</v>
      </c>
      <c r="O8" s="117" t="s">
        <v>19</v>
      </c>
      <c r="P8" s="123" t="s">
        <v>90</v>
      </c>
      <c r="Q8" s="21">
        <v>61</v>
      </c>
      <c r="R8" s="23">
        <v>58.1</v>
      </c>
      <c r="S8" s="120"/>
      <c r="T8" s="22">
        <v>1.6</v>
      </c>
      <c r="U8" s="23">
        <v>2</v>
      </c>
      <c r="V8" s="121"/>
    </row>
    <row r="9" spans="2:22" s="14" customFormat="1" ht="150" customHeight="1" x14ac:dyDescent="0.2">
      <c r="B9" s="112" t="s">
        <v>62</v>
      </c>
      <c r="C9" s="298" t="s">
        <v>171</v>
      </c>
      <c r="D9" s="299"/>
      <c r="E9" s="300" t="s">
        <v>172</v>
      </c>
      <c r="F9" s="301"/>
      <c r="G9" s="113" t="s">
        <v>90</v>
      </c>
      <c r="H9" s="114" t="s">
        <v>90</v>
      </c>
      <c r="I9" s="122" t="s">
        <v>173</v>
      </c>
      <c r="J9" s="115" t="s">
        <v>90</v>
      </c>
      <c r="K9" s="116" t="s">
        <v>19</v>
      </c>
      <c r="L9" s="117" t="s">
        <v>90</v>
      </c>
      <c r="M9" s="118" t="s">
        <v>90</v>
      </c>
      <c r="N9" s="116" t="s">
        <v>90</v>
      </c>
      <c r="O9" s="117" t="s">
        <v>19</v>
      </c>
      <c r="P9" s="123" t="s">
        <v>90</v>
      </c>
      <c r="Q9" s="21">
        <v>37.5</v>
      </c>
      <c r="R9" s="23">
        <v>34.700000000000003</v>
      </c>
      <c r="S9" s="120"/>
      <c r="T9" s="22">
        <v>7.2</v>
      </c>
      <c r="U9" s="23">
        <v>8</v>
      </c>
      <c r="V9" s="121"/>
    </row>
    <row r="10" spans="2:22" s="14" customFormat="1" ht="150" customHeight="1" x14ac:dyDescent="0.2">
      <c r="B10" s="112" t="s">
        <v>63</v>
      </c>
      <c r="C10" s="298" t="s">
        <v>174</v>
      </c>
      <c r="D10" s="299"/>
      <c r="E10" s="300" t="s">
        <v>175</v>
      </c>
      <c r="F10" s="301"/>
      <c r="G10" s="113" t="s">
        <v>90</v>
      </c>
      <c r="H10" s="114" t="s">
        <v>90</v>
      </c>
      <c r="I10" s="114" t="s">
        <v>90</v>
      </c>
      <c r="J10" s="115" t="s">
        <v>164</v>
      </c>
      <c r="K10" s="116" t="s">
        <v>19</v>
      </c>
      <c r="L10" s="117" t="s">
        <v>90</v>
      </c>
      <c r="M10" s="118" t="s">
        <v>90</v>
      </c>
      <c r="N10" s="116" t="s">
        <v>90</v>
      </c>
      <c r="O10" s="117" t="s">
        <v>19</v>
      </c>
      <c r="P10" s="123" t="s">
        <v>90</v>
      </c>
      <c r="Q10" s="21">
        <v>38.299999999999997</v>
      </c>
      <c r="R10" s="23">
        <v>42.5</v>
      </c>
      <c r="S10" s="120"/>
      <c r="T10" s="22">
        <v>10.3</v>
      </c>
      <c r="U10" s="23">
        <v>9.4</v>
      </c>
      <c r="V10" s="121"/>
    </row>
    <row r="11" spans="2:22" s="14" customFormat="1" ht="150" customHeight="1" x14ac:dyDescent="0.2">
      <c r="B11" s="112" t="s">
        <v>64</v>
      </c>
      <c r="C11" s="298" t="s">
        <v>176</v>
      </c>
      <c r="D11" s="299"/>
      <c r="E11" s="300" t="s">
        <v>177</v>
      </c>
      <c r="F11" s="301"/>
      <c r="G11" s="113" t="s">
        <v>178</v>
      </c>
      <c r="H11" s="122" t="s">
        <v>90</v>
      </c>
      <c r="I11" s="114" t="s">
        <v>90</v>
      </c>
      <c r="J11" s="115" t="s">
        <v>90</v>
      </c>
      <c r="K11" s="116" t="s">
        <v>19</v>
      </c>
      <c r="L11" s="117" t="s">
        <v>90</v>
      </c>
      <c r="M11" s="118" t="s">
        <v>90</v>
      </c>
      <c r="N11" s="116" t="s">
        <v>90</v>
      </c>
      <c r="O11" s="117" t="s">
        <v>19</v>
      </c>
      <c r="P11" s="123" t="s">
        <v>90</v>
      </c>
      <c r="Q11" s="21">
        <v>64.2</v>
      </c>
      <c r="R11" s="23">
        <v>62.8</v>
      </c>
      <c r="S11" s="120"/>
      <c r="T11" s="22">
        <v>4</v>
      </c>
      <c r="U11" s="23">
        <v>4.5999999999999996</v>
      </c>
      <c r="V11" s="121"/>
    </row>
    <row r="12" spans="2:22" s="14" customFormat="1" ht="150" customHeight="1" x14ac:dyDescent="0.2">
      <c r="B12" s="112" t="s">
        <v>65</v>
      </c>
      <c r="C12" s="298" t="s">
        <v>179</v>
      </c>
      <c r="D12" s="299"/>
      <c r="E12" s="300" t="s">
        <v>180</v>
      </c>
      <c r="F12" s="301"/>
      <c r="G12" s="113" t="s">
        <v>181</v>
      </c>
      <c r="H12" s="114" t="s">
        <v>90</v>
      </c>
      <c r="I12" s="114" t="s">
        <v>90</v>
      </c>
      <c r="J12" s="115" t="s">
        <v>90</v>
      </c>
      <c r="K12" s="116" t="s">
        <v>90</v>
      </c>
      <c r="L12" s="117" t="s">
        <v>19</v>
      </c>
      <c r="M12" s="118" t="s">
        <v>90</v>
      </c>
      <c r="N12" s="116" t="s">
        <v>90</v>
      </c>
      <c r="O12" s="117" t="s">
        <v>90</v>
      </c>
      <c r="P12" s="123" t="s">
        <v>19</v>
      </c>
      <c r="Q12" s="21">
        <v>30.4</v>
      </c>
      <c r="R12" s="23">
        <v>25.7</v>
      </c>
      <c r="S12" s="120"/>
      <c r="T12" s="22">
        <v>22.4</v>
      </c>
      <c r="U12" s="23">
        <v>24.9</v>
      </c>
      <c r="V12" s="121"/>
    </row>
    <row r="13" spans="2:22" s="14" customFormat="1" ht="150" customHeight="1" x14ac:dyDescent="0.2">
      <c r="B13" s="112" t="s">
        <v>67</v>
      </c>
      <c r="C13" s="298" t="s">
        <v>182</v>
      </c>
      <c r="D13" s="299"/>
      <c r="E13" s="300" t="s">
        <v>66</v>
      </c>
      <c r="F13" s="301"/>
      <c r="G13" s="113" t="s">
        <v>181</v>
      </c>
      <c r="H13" s="114" t="s">
        <v>90</v>
      </c>
      <c r="I13" s="114" t="s">
        <v>90</v>
      </c>
      <c r="J13" s="115" t="s">
        <v>90</v>
      </c>
      <c r="K13" s="116" t="s">
        <v>90</v>
      </c>
      <c r="L13" s="117" t="s">
        <v>19</v>
      </c>
      <c r="M13" s="118" t="s">
        <v>90</v>
      </c>
      <c r="N13" s="116" t="s">
        <v>90</v>
      </c>
      <c r="O13" s="117" t="s">
        <v>90</v>
      </c>
      <c r="P13" s="123" t="s">
        <v>19</v>
      </c>
      <c r="Q13" s="21">
        <v>50.2</v>
      </c>
      <c r="R13" s="23">
        <v>45.2</v>
      </c>
      <c r="S13" s="120"/>
      <c r="T13" s="22">
        <v>16.100000000000001</v>
      </c>
      <c r="U13" s="23">
        <v>20.2</v>
      </c>
      <c r="V13" s="121"/>
    </row>
    <row r="14" spans="2:22" s="14" customFormat="1" ht="150" customHeight="1" x14ac:dyDescent="0.2">
      <c r="B14" s="112" t="s">
        <v>68</v>
      </c>
      <c r="C14" s="298" t="s">
        <v>183</v>
      </c>
      <c r="D14" s="299"/>
      <c r="E14" s="300" t="s">
        <v>184</v>
      </c>
      <c r="F14" s="301"/>
      <c r="G14" s="113" t="s">
        <v>90</v>
      </c>
      <c r="H14" s="114" t="s">
        <v>90</v>
      </c>
      <c r="I14" s="114" t="s">
        <v>90</v>
      </c>
      <c r="J14" s="115" t="s">
        <v>185</v>
      </c>
      <c r="K14" s="116" t="s">
        <v>19</v>
      </c>
      <c r="L14" s="117" t="s">
        <v>90</v>
      </c>
      <c r="M14" s="118" t="s">
        <v>90</v>
      </c>
      <c r="N14" s="116" t="s">
        <v>90</v>
      </c>
      <c r="O14" s="117" t="s">
        <v>19</v>
      </c>
      <c r="P14" s="123" t="s">
        <v>90</v>
      </c>
      <c r="Q14" s="21">
        <v>79</v>
      </c>
      <c r="R14" s="23">
        <v>77.400000000000006</v>
      </c>
      <c r="S14" s="120"/>
      <c r="T14" s="22">
        <v>2.9</v>
      </c>
      <c r="U14" s="23">
        <v>3.2</v>
      </c>
      <c r="V14" s="121"/>
    </row>
    <row r="15" spans="2:22" s="14" customFormat="1" ht="150" customHeight="1" x14ac:dyDescent="0.2">
      <c r="B15" s="112" t="s">
        <v>69</v>
      </c>
      <c r="C15" s="298" t="s">
        <v>186</v>
      </c>
      <c r="D15" s="299"/>
      <c r="E15" s="300" t="s">
        <v>187</v>
      </c>
      <c r="F15" s="301"/>
      <c r="G15" s="113" t="s">
        <v>90</v>
      </c>
      <c r="H15" s="124" t="s">
        <v>90</v>
      </c>
      <c r="I15" s="124" t="s">
        <v>90</v>
      </c>
      <c r="J15" s="115" t="s">
        <v>188</v>
      </c>
      <c r="K15" s="116" t="s">
        <v>90</v>
      </c>
      <c r="L15" s="117" t="s">
        <v>19</v>
      </c>
      <c r="M15" s="118" t="s">
        <v>90</v>
      </c>
      <c r="N15" s="116" t="s">
        <v>90</v>
      </c>
      <c r="O15" s="117" t="s">
        <v>90</v>
      </c>
      <c r="P15" s="123" t="s">
        <v>19</v>
      </c>
      <c r="Q15" s="21">
        <v>57</v>
      </c>
      <c r="R15" s="23">
        <v>55.9</v>
      </c>
      <c r="S15" s="120"/>
      <c r="T15" s="22">
        <v>2.1</v>
      </c>
      <c r="U15" s="23">
        <v>2.2000000000000002</v>
      </c>
      <c r="V15" s="121"/>
    </row>
    <row r="16" spans="2:22" s="14" customFormat="1" ht="150" customHeight="1" x14ac:dyDescent="0.2">
      <c r="B16" s="112" t="s">
        <v>70</v>
      </c>
      <c r="C16" s="298" t="s">
        <v>189</v>
      </c>
      <c r="D16" s="299"/>
      <c r="E16" s="300" t="s">
        <v>190</v>
      </c>
      <c r="F16" s="301"/>
      <c r="G16" s="113" t="s">
        <v>90</v>
      </c>
      <c r="H16" s="124" t="s">
        <v>90</v>
      </c>
      <c r="I16" s="124" t="s">
        <v>191</v>
      </c>
      <c r="J16" s="115" t="s">
        <v>90</v>
      </c>
      <c r="K16" s="116" t="s">
        <v>19</v>
      </c>
      <c r="L16" s="117" t="s">
        <v>90</v>
      </c>
      <c r="M16" s="118" t="s">
        <v>90</v>
      </c>
      <c r="N16" s="116" t="s">
        <v>19</v>
      </c>
      <c r="O16" s="117" t="s">
        <v>90</v>
      </c>
      <c r="P16" s="123" t="s">
        <v>90</v>
      </c>
      <c r="Q16" s="21">
        <v>73.599999999999994</v>
      </c>
      <c r="R16" s="23">
        <v>71.900000000000006</v>
      </c>
      <c r="S16" s="120"/>
      <c r="T16" s="22">
        <v>2.6</v>
      </c>
      <c r="U16" s="23">
        <v>2.2999999999999998</v>
      </c>
      <c r="V16" s="121"/>
    </row>
    <row r="17" spans="2:22" s="14" customFormat="1" ht="150" customHeight="1" x14ac:dyDescent="0.2">
      <c r="B17" s="112" t="s">
        <v>71</v>
      </c>
      <c r="C17" s="298" t="s">
        <v>192</v>
      </c>
      <c r="D17" s="299"/>
      <c r="E17" s="300" t="s">
        <v>72</v>
      </c>
      <c r="F17" s="301"/>
      <c r="G17" s="113" t="s">
        <v>90</v>
      </c>
      <c r="H17" s="114" t="s">
        <v>90</v>
      </c>
      <c r="I17" s="114" t="s">
        <v>193</v>
      </c>
      <c r="J17" s="115" t="s">
        <v>90</v>
      </c>
      <c r="K17" s="116" t="s">
        <v>90</v>
      </c>
      <c r="L17" s="117" t="s">
        <v>19</v>
      </c>
      <c r="M17" s="118" t="s">
        <v>90</v>
      </c>
      <c r="N17" s="116" t="s">
        <v>90</v>
      </c>
      <c r="O17" s="117" t="s">
        <v>90</v>
      </c>
      <c r="P17" s="123" t="s">
        <v>19</v>
      </c>
      <c r="Q17" s="21">
        <v>40.299999999999997</v>
      </c>
      <c r="R17" s="23">
        <v>38</v>
      </c>
      <c r="S17" s="120"/>
      <c r="T17" s="22">
        <v>32</v>
      </c>
      <c r="U17" s="23">
        <v>35</v>
      </c>
      <c r="V17" s="121"/>
    </row>
    <row r="18" spans="2:22" s="14" customFormat="1" ht="150" customHeight="1" x14ac:dyDescent="0.2">
      <c r="B18" s="112" t="s">
        <v>73</v>
      </c>
      <c r="C18" s="298" t="s">
        <v>194</v>
      </c>
      <c r="D18" s="299"/>
      <c r="E18" s="300" t="s">
        <v>195</v>
      </c>
      <c r="F18" s="301"/>
      <c r="G18" s="113" t="s">
        <v>90</v>
      </c>
      <c r="H18" s="114" t="s">
        <v>196</v>
      </c>
      <c r="I18" s="114" t="s">
        <v>90</v>
      </c>
      <c r="J18" s="115" t="s">
        <v>90</v>
      </c>
      <c r="K18" s="116" t="s">
        <v>19</v>
      </c>
      <c r="L18" s="117" t="s">
        <v>90</v>
      </c>
      <c r="M18" s="118" t="s">
        <v>90</v>
      </c>
      <c r="N18" s="116" t="s">
        <v>19</v>
      </c>
      <c r="O18" s="117" t="s">
        <v>90</v>
      </c>
      <c r="P18" s="123" t="s">
        <v>90</v>
      </c>
      <c r="Q18" s="21">
        <v>62</v>
      </c>
      <c r="R18" s="23">
        <v>58.5</v>
      </c>
      <c r="S18" s="120"/>
      <c r="T18" s="22">
        <v>1.2</v>
      </c>
      <c r="U18" s="23">
        <v>1.1000000000000001</v>
      </c>
      <c r="V18" s="121"/>
    </row>
    <row r="19" spans="2:22" s="14" customFormat="1" ht="150" customHeight="1" x14ac:dyDescent="0.2">
      <c r="B19" s="112" t="s">
        <v>74</v>
      </c>
      <c r="C19" s="298" t="s">
        <v>197</v>
      </c>
      <c r="D19" s="299"/>
      <c r="E19" s="300" t="s">
        <v>198</v>
      </c>
      <c r="F19" s="301"/>
      <c r="G19" s="113" t="s">
        <v>90</v>
      </c>
      <c r="H19" s="114" t="s">
        <v>199</v>
      </c>
      <c r="I19" s="114" t="s">
        <v>90</v>
      </c>
      <c r="J19" s="115" t="s">
        <v>90</v>
      </c>
      <c r="K19" s="116" t="s">
        <v>90</v>
      </c>
      <c r="L19" s="117" t="s">
        <v>19</v>
      </c>
      <c r="M19" s="118" t="s">
        <v>90</v>
      </c>
      <c r="N19" s="116" t="s">
        <v>90</v>
      </c>
      <c r="O19" s="117" t="s">
        <v>19</v>
      </c>
      <c r="P19" s="123" t="s">
        <v>90</v>
      </c>
      <c r="Q19" s="21">
        <v>41.8</v>
      </c>
      <c r="R19" s="23">
        <v>36.299999999999997</v>
      </c>
      <c r="S19" s="120"/>
      <c r="T19" s="22">
        <v>6.8</v>
      </c>
      <c r="U19" s="23">
        <v>7.2</v>
      </c>
      <c r="V19" s="121"/>
    </row>
    <row r="20" spans="2:22" s="14" customFormat="1" ht="150" customHeight="1" thickBot="1" x14ac:dyDescent="0.25">
      <c r="B20" s="112" t="s">
        <v>200</v>
      </c>
      <c r="C20" s="298" t="s">
        <v>201</v>
      </c>
      <c r="D20" s="299"/>
      <c r="E20" s="300" t="s">
        <v>202</v>
      </c>
      <c r="F20" s="301"/>
      <c r="G20" s="113" t="s">
        <v>90</v>
      </c>
      <c r="H20" s="114" t="s">
        <v>188</v>
      </c>
      <c r="I20" s="114" t="s">
        <v>90</v>
      </c>
      <c r="J20" s="125" t="s">
        <v>90</v>
      </c>
      <c r="K20" s="116" t="s">
        <v>90</v>
      </c>
      <c r="L20" s="117" t="s">
        <v>19</v>
      </c>
      <c r="M20" s="118" t="s">
        <v>90</v>
      </c>
      <c r="N20" s="116" t="s">
        <v>90</v>
      </c>
      <c r="O20" s="117" t="s">
        <v>90</v>
      </c>
      <c r="P20" s="123" t="s">
        <v>19</v>
      </c>
      <c r="Q20" s="21">
        <v>35.9</v>
      </c>
      <c r="R20" s="23">
        <v>33.200000000000003</v>
      </c>
      <c r="S20" s="126"/>
      <c r="T20" s="22">
        <v>29.9</v>
      </c>
      <c r="U20" s="23">
        <v>31.5</v>
      </c>
      <c r="V20" s="127"/>
    </row>
  </sheetData>
  <mergeCells count="41">
    <mergeCell ref="T4:V4"/>
    <mergeCell ref="K4:M4"/>
    <mergeCell ref="N4:P4"/>
    <mergeCell ref="C8:D8"/>
    <mergeCell ref="E8:F8"/>
    <mergeCell ref="C7:D7"/>
    <mergeCell ref="E7:F7"/>
    <mergeCell ref="E11:F11"/>
    <mergeCell ref="B4:B5"/>
    <mergeCell ref="C4:D5"/>
    <mergeCell ref="E4:F5"/>
    <mergeCell ref="Q4:S4"/>
    <mergeCell ref="C6:D6"/>
    <mergeCell ref="E6:F6"/>
    <mergeCell ref="G4:J4"/>
    <mergeCell ref="C19:D19"/>
    <mergeCell ref="E19:F19"/>
    <mergeCell ref="C20:D20"/>
    <mergeCell ref="E20:F20"/>
    <mergeCell ref="C15:D15"/>
    <mergeCell ref="E15:F15"/>
    <mergeCell ref="C16:D16"/>
    <mergeCell ref="E16:F16"/>
    <mergeCell ref="C17:D17"/>
    <mergeCell ref="E17:F17"/>
    <mergeCell ref="B1:F1"/>
    <mergeCell ref="B3:V3"/>
    <mergeCell ref="B2:V2"/>
    <mergeCell ref="C18:D18"/>
    <mergeCell ref="E18:F18"/>
    <mergeCell ref="C12:D12"/>
    <mergeCell ref="E12:F12"/>
    <mergeCell ref="C13:D13"/>
    <mergeCell ref="E13:F13"/>
    <mergeCell ref="C14:D14"/>
    <mergeCell ref="E14:F14"/>
    <mergeCell ref="C9:D9"/>
    <mergeCell ref="E9:F9"/>
    <mergeCell ref="C10:D10"/>
    <mergeCell ref="E10:F10"/>
    <mergeCell ref="C11:D11"/>
  </mergeCells>
  <phoneticPr fontId="2"/>
  <conditionalFormatting sqref="B6:B20">
    <cfRule type="expression" dxfId="9" priority="3">
      <formula>LEN(#REF!)&gt;5</formula>
    </cfRule>
  </conditionalFormatting>
  <conditionalFormatting sqref="C6:C20">
    <cfRule type="expression" dxfId="8" priority="1">
      <formula>LEN(#REF!)&gt;60</formula>
    </cfRule>
  </conditionalFormatting>
  <conditionalFormatting sqref="E6:E20">
    <cfRule type="expression" dxfId="7" priority="2">
      <formula>LEN(#REF!)&gt;45</formula>
    </cfRule>
  </conditionalFormatting>
  <pageMargins left="0.25" right="0.25" top="0.75" bottom="0.75" header="0.3" footer="0.3"/>
  <pageSetup paperSize="9" scale="28"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1:V27"/>
  <sheetViews>
    <sheetView view="pageBreakPreview" topLeftCell="A17" zoomScale="50" zoomScaleNormal="55" zoomScaleSheetLayoutView="50" workbookViewId="0">
      <selection activeCell="U7" sqref="U7"/>
    </sheetView>
  </sheetViews>
  <sheetFormatPr defaultRowHeight="14.4" x14ac:dyDescent="0.2"/>
  <cols>
    <col min="1" max="1" width="3.8984375" customWidth="1"/>
    <col min="2" max="2" width="10.69921875" customWidth="1"/>
    <col min="3" max="4" width="26.69921875" customWidth="1"/>
    <col min="5" max="6" width="28" customWidth="1"/>
    <col min="7" max="22" width="10" customWidth="1"/>
    <col min="23" max="23" width="4.19921875" customWidth="1"/>
  </cols>
  <sheetData>
    <row r="1" spans="2:22" ht="54.6" customHeight="1" x14ac:dyDescent="0.2">
      <c r="B1" s="295" t="s">
        <v>368</v>
      </c>
      <c r="C1" s="295"/>
      <c r="D1" s="295"/>
      <c r="E1" s="295"/>
      <c r="F1" s="295"/>
    </row>
    <row r="2" spans="2:22" ht="64.2" customHeight="1" x14ac:dyDescent="0.2">
      <c r="B2" s="250" t="s">
        <v>370</v>
      </c>
      <c r="C2" s="251"/>
      <c r="D2" s="251"/>
      <c r="E2" s="251"/>
      <c r="F2" s="251"/>
      <c r="G2" s="251"/>
      <c r="H2" s="251"/>
      <c r="I2" s="251"/>
      <c r="J2" s="251"/>
      <c r="K2" s="251"/>
      <c r="L2" s="251"/>
      <c r="M2" s="251"/>
      <c r="N2" s="251"/>
      <c r="O2" s="251"/>
      <c r="P2" s="251"/>
      <c r="Q2" s="251"/>
      <c r="R2" s="251"/>
      <c r="S2" s="251"/>
      <c r="T2" s="251"/>
      <c r="U2" s="251"/>
      <c r="V2" s="251"/>
    </row>
    <row r="3" spans="2:22" ht="30" customHeight="1" x14ac:dyDescent="0.3">
      <c r="B3" s="318" t="s">
        <v>369</v>
      </c>
      <c r="C3" s="318"/>
      <c r="D3" s="318"/>
      <c r="E3" s="318"/>
      <c r="F3" s="318"/>
      <c r="G3" s="318"/>
      <c r="H3" s="318"/>
      <c r="I3" s="318"/>
      <c r="J3" s="318"/>
      <c r="K3" s="318"/>
      <c r="L3" s="318"/>
      <c r="M3" s="318"/>
      <c r="N3" s="318"/>
      <c r="O3" s="318"/>
      <c r="P3" s="318"/>
      <c r="Q3" s="318"/>
      <c r="R3" s="318"/>
      <c r="S3" s="318"/>
      <c r="T3" s="318"/>
      <c r="U3" s="318"/>
      <c r="V3" s="318"/>
    </row>
    <row r="4" spans="2:22" s="1" customFormat="1" ht="34.35" customHeight="1" thickBot="1" x14ac:dyDescent="0.25">
      <c r="B4" s="324" t="s">
        <v>236</v>
      </c>
      <c r="C4" s="325" t="s">
        <v>237</v>
      </c>
      <c r="D4" s="325"/>
      <c r="E4" s="331" t="s">
        <v>85</v>
      </c>
      <c r="F4" s="331"/>
      <c r="G4" s="319" t="s">
        <v>238</v>
      </c>
      <c r="H4" s="319"/>
      <c r="I4" s="319"/>
      <c r="J4" s="319"/>
      <c r="K4" s="326" t="s">
        <v>239</v>
      </c>
      <c r="L4" s="327"/>
      <c r="M4" s="328"/>
      <c r="N4" s="329" t="s">
        <v>240</v>
      </c>
      <c r="O4" s="330"/>
      <c r="P4" s="330"/>
      <c r="Q4" s="257" t="s">
        <v>5</v>
      </c>
      <c r="R4" s="257"/>
      <c r="S4" s="257"/>
      <c r="T4" s="257" t="s">
        <v>6</v>
      </c>
      <c r="U4" s="257"/>
      <c r="V4" s="257"/>
    </row>
    <row r="5" spans="2:22" s="1" customFormat="1" ht="300" customHeight="1" x14ac:dyDescent="0.2">
      <c r="B5" s="324"/>
      <c r="C5" s="325"/>
      <c r="D5" s="325"/>
      <c r="E5" s="331"/>
      <c r="F5" s="331"/>
      <c r="G5" s="128" t="s">
        <v>241</v>
      </c>
      <c r="H5" s="129" t="s">
        <v>142</v>
      </c>
      <c r="I5" s="129" t="s">
        <v>242</v>
      </c>
      <c r="J5" s="130" t="s">
        <v>243</v>
      </c>
      <c r="K5" s="128" t="s">
        <v>12</v>
      </c>
      <c r="L5" s="129" t="s">
        <v>13</v>
      </c>
      <c r="M5" s="131" t="s">
        <v>244</v>
      </c>
      <c r="N5" s="132" t="s">
        <v>87</v>
      </c>
      <c r="O5" s="131" t="s">
        <v>88</v>
      </c>
      <c r="P5" s="133" t="s">
        <v>89</v>
      </c>
      <c r="Q5" s="52" t="s">
        <v>15</v>
      </c>
      <c r="R5" s="53" t="s">
        <v>16</v>
      </c>
      <c r="S5" s="54" t="s">
        <v>161</v>
      </c>
      <c r="T5" s="55" t="s">
        <v>15</v>
      </c>
      <c r="U5" s="53" t="s">
        <v>16</v>
      </c>
      <c r="V5" s="71" t="s">
        <v>161</v>
      </c>
    </row>
    <row r="6" spans="2:22" s="1" customFormat="1" ht="88.2" customHeight="1" x14ac:dyDescent="0.2">
      <c r="B6" s="134" t="s">
        <v>17</v>
      </c>
      <c r="C6" s="322" t="s">
        <v>245</v>
      </c>
      <c r="D6" s="323"/>
      <c r="E6" s="320" t="s">
        <v>246</v>
      </c>
      <c r="F6" s="321"/>
      <c r="G6" s="135" t="s">
        <v>247</v>
      </c>
      <c r="H6" s="136" t="s">
        <v>90</v>
      </c>
      <c r="I6" s="136" t="s">
        <v>90</v>
      </c>
      <c r="J6" s="137" t="s">
        <v>90</v>
      </c>
      <c r="K6" s="138" t="s">
        <v>19</v>
      </c>
      <c r="L6" s="139" t="s">
        <v>90</v>
      </c>
      <c r="M6" s="140" t="s">
        <v>90</v>
      </c>
      <c r="N6" s="138" t="s">
        <v>19</v>
      </c>
      <c r="O6" s="139" t="s">
        <v>90</v>
      </c>
      <c r="P6" s="141" t="s">
        <v>90</v>
      </c>
      <c r="Q6" s="181">
        <v>55.3</v>
      </c>
      <c r="R6" s="182">
        <v>51.9</v>
      </c>
      <c r="S6" s="19"/>
      <c r="T6" s="17">
        <v>0.2</v>
      </c>
      <c r="U6" s="18">
        <v>0.2</v>
      </c>
      <c r="V6" s="142"/>
    </row>
    <row r="7" spans="2:22" s="1" customFormat="1" ht="88.2" customHeight="1" x14ac:dyDescent="0.2">
      <c r="B7" s="134" t="s">
        <v>18</v>
      </c>
      <c r="C7" s="322" t="s">
        <v>248</v>
      </c>
      <c r="D7" s="323"/>
      <c r="E7" s="320" t="s">
        <v>249</v>
      </c>
      <c r="F7" s="321"/>
      <c r="G7" s="143" t="s">
        <v>90</v>
      </c>
      <c r="H7" s="58" t="s">
        <v>250</v>
      </c>
      <c r="I7" s="58" t="s">
        <v>90</v>
      </c>
      <c r="J7" s="59" t="s">
        <v>90</v>
      </c>
      <c r="K7" s="63" t="s">
        <v>90</v>
      </c>
      <c r="L7" s="61" t="s">
        <v>19</v>
      </c>
      <c r="M7" s="62" t="s">
        <v>90</v>
      </c>
      <c r="N7" s="63" t="s">
        <v>90</v>
      </c>
      <c r="O7" s="61" t="s">
        <v>90</v>
      </c>
      <c r="P7" s="66" t="s">
        <v>19</v>
      </c>
      <c r="Q7" s="181">
        <v>48.7</v>
      </c>
      <c r="R7" s="182">
        <v>46.2</v>
      </c>
      <c r="S7" s="19"/>
      <c r="T7" s="17">
        <v>7.7</v>
      </c>
      <c r="U7" s="18">
        <v>8</v>
      </c>
      <c r="V7" s="142"/>
    </row>
    <row r="8" spans="2:22" s="1" customFormat="1" ht="88.2" customHeight="1" x14ac:dyDescent="0.2">
      <c r="B8" s="134" t="s">
        <v>112</v>
      </c>
      <c r="C8" s="322" t="s">
        <v>251</v>
      </c>
      <c r="D8" s="323"/>
      <c r="E8" s="320" t="s">
        <v>252</v>
      </c>
      <c r="F8" s="321"/>
      <c r="G8" s="74" t="s">
        <v>90</v>
      </c>
      <c r="H8" s="143" t="s">
        <v>90</v>
      </c>
      <c r="I8" s="58" t="s">
        <v>90</v>
      </c>
      <c r="J8" s="59" t="s">
        <v>250</v>
      </c>
      <c r="K8" s="63" t="s">
        <v>90</v>
      </c>
      <c r="L8" s="61" t="s">
        <v>19</v>
      </c>
      <c r="M8" s="62" t="s">
        <v>90</v>
      </c>
      <c r="N8" s="63" t="s">
        <v>19</v>
      </c>
      <c r="O8" s="61" t="s">
        <v>90</v>
      </c>
      <c r="P8" s="66" t="s">
        <v>90</v>
      </c>
      <c r="Q8" s="181">
        <v>39.4</v>
      </c>
      <c r="R8" s="182">
        <v>36.200000000000003</v>
      </c>
      <c r="S8" s="19"/>
      <c r="T8" s="17">
        <v>0.5</v>
      </c>
      <c r="U8" s="18">
        <v>0.6</v>
      </c>
      <c r="V8" s="142"/>
    </row>
    <row r="9" spans="2:22" s="1" customFormat="1" ht="88.2" customHeight="1" x14ac:dyDescent="0.2">
      <c r="B9" s="134" t="s">
        <v>113</v>
      </c>
      <c r="C9" s="322" t="s">
        <v>253</v>
      </c>
      <c r="D9" s="323"/>
      <c r="E9" s="320" t="s">
        <v>254</v>
      </c>
      <c r="F9" s="321"/>
      <c r="G9" s="74" t="s">
        <v>90</v>
      </c>
      <c r="H9" s="58" t="s">
        <v>90</v>
      </c>
      <c r="I9" s="143" t="s">
        <v>255</v>
      </c>
      <c r="J9" s="59" t="s">
        <v>90</v>
      </c>
      <c r="K9" s="63" t="s">
        <v>19</v>
      </c>
      <c r="L9" s="61" t="s">
        <v>90</v>
      </c>
      <c r="M9" s="62" t="s">
        <v>90</v>
      </c>
      <c r="N9" s="63" t="s">
        <v>19</v>
      </c>
      <c r="O9" s="61" t="s">
        <v>90</v>
      </c>
      <c r="P9" s="66" t="s">
        <v>90</v>
      </c>
      <c r="Q9" s="181">
        <v>31.3</v>
      </c>
      <c r="R9" s="182">
        <v>29.7</v>
      </c>
      <c r="S9" s="19"/>
      <c r="T9" s="17">
        <v>0.2</v>
      </c>
      <c r="U9" s="18">
        <v>0.2</v>
      </c>
      <c r="V9" s="142"/>
    </row>
    <row r="10" spans="2:22" s="1" customFormat="1" ht="88.2" customHeight="1" x14ac:dyDescent="0.2">
      <c r="B10" s="134" t="s">
        <v>256</v>
      </c>
      <c r="C10" s="322" t="s">
        <v>257</v>
      </c>
      <c r="D10" s="323"/>
      <c r="E10" s="320" t="s">
        <v>258</v>
      </c>
      <c r="F10" s="321"/>
      <c r="G10" s="74" t="s">
        <v>90</v>
      </c>
      <c r="H10" s="58" t="s">
        <v>259</v>
      </c>
      <c r="I10" s="58" t="s">
        <v>90</v>
      </c>
      <c r="J10" s="59" t="s">
        <v>90</v>
      </c>
      <c r="K10" s="63" t="s">
        <v>19</v>
      </c>
      <c r="L10" s="61" t="s">
        <v>90</v>
      </c>
      <c r="M10" s="62" t="s">
        <v>90</v>
      </c>
      <c r="N10" s="63" t="s">
        <v>90</v>
      </c>
      <c r="O10" s="61" t="s">
        <v>19</v>
      </c>
      <c r="P10" s="66" t="s">
        <v>90</v>
      </c>
      <c r="Q10" s="181">
        <v>49.8</v>
      </c>
      <c r="R10" s="182">
        <v>44.9</v>
      </c>
      <c r="S10" s="19"/>
      <c r="T10" s="17">
        <v>7.3</v>
      </c>
      <c r="U10" s="18">
        <v>8.5</v>
      </c>
      <c r="V10" s="142"/>
    </row>
    <row r="11" spans="2:22" s="1" customFormat="1" ht="88.2" customHeight="1" x14ac:dyDescent="0.2">
      <c r="B11" s="134" t="s">
        <v>260</v>
      </c>
      <c r="C11" s="322" t="s">
        <v>261</v>
      </c>
      <c r="D11" s="323"/>
      <c r="E11" s="320" t="s">
        <v>262</v>
      </c>
      <c r="F11" s="321"/>
      <c r="G11" s="144" t="s">
        <v>90</v>
      </c>
      <c r="H11" s="145" t="s">
        <v>250</v>
      </c>
      <c r="I11" s="146" t="s">
        <v>90</v>
      </c>
      <c r="J11" s="147" t="s">
        <v>90</v>
      </c>
      <c r="K11" s="148" t="s">
        <v>90</v>
      </c>
      <c r="L11" s="149" t="s">
        <v>19</v>
      </c>
      <c r="M11" s="150" t="s">
        <v>90</v>
      </c>
      <c r="N11" s="148" t="s">
        <v>90</v>
      </c>
      <c r="O11" s="149" t="s">
        <v>90</v>
      </c>
      <c r="P11" s="151" t="s">
        <v>19</v>
      </c>
      <c r="Q11" s="181">
        <v>80</v>
      </c>
      <c r="R11" s="182">
        <v>79.400000000000006</v>
      </c>
      <c r="S11" s="19"/>
      <c r="T11" s="17">
        <v>9.3000000000000007</v>
      </c>
      <c r="U11" s="18">
        <v>9.9</v>
      </c>
      <c r="V11" s="142"/>
    </row>
    <row r="12" spans="2:22" s="1" customFormat="1" ht="88.2" customHeight="1" x14ac:dyDescent="0.2">
      <c r="B12" s="152" t="s">
        <v>263</v>
      </c>
      <c r="C12" s="322" t="s">
        <v>264</v>
      </c>
      <c r="D12" s="323"/>
      <c r="E12" s="320" t="s">
        <v>265</v>
      </c>
      <c r="F12" s="321"/>
      <c r="G12" s="57" t="s">
        <v>266</v>
      </c>
      <c r="H12" s="153" t="s">
        <v>90</v>
      </c>
      <c r="I12" s="58" t="s">
        <v>90</v>
      </c>
      <c r="J12" s="59" t="s">
        <v>90</v>
      </c>
      <c r="K12" s="63" t="s">
        <v>90</v>
      </c>
      <c r="L12" s="61" t="s">
        <v>19</v>
      </c>
      <c r="M12" s="62" t="s">
        <v>90</v>
      </c>
      <c r="N12" s="63" t="s">
        <v>90</v>
      </c>
      <c r="O12" s="61" t="s">
        <v>90</v>
      </c>
      <c r="P12" s="66" t="s">
        <v>19</v>
      </c>
      <c r="Q12" s="181">
        <v>16.399999999999999</v>
      </c>
      <c r="R12" s="182">
        <v>14</v>
      </c>
      <c r="S12" s="19"/>
      <c r="T12" s="17">
        <v>1.4</v>
      </c>
      <c r="U12" s="18">
        <v>1.9</v>
      </c>
      <c r="V12" s="142"/>
    </row>
    <row r="13" spans="2:22" s="1" customFormat="1" ht="88.2" customHeight="1" x14ac:dyDescent="0.2">
      <c r="B13" s="152" t="s">
        <v>267</v>
      </c>
      <c r="C13" s="322" t="s">
        <v>268</v>
      </c>
      <c r="D13" s="323"/>
      <c r="E13" s="320" t="s">
        <v>269</v>
      </c>
      <c r="F13" s="321"/>
      <c r="G13" s="57" t="s">
        <v>266</v>
      </c>
      <c r="H13" s="153" t="s">
        <v>90</v>
      </c>
      <c r="I13" s="58" t="s">
        <v>90</v>
      </c>
      <c r="J13" s="59" t="s">
        <v>90</v>
      </c>
      <c r="K13" s="63" t="s">
        <v>19</v>
      </c>
      <c r="L13" s="61" t="s">
        <v>90</v>
      </c>
      <c r="M13" s="62" t="s">
        <v>90</v>
      </c>
      <c r="N13" s="63" t="s">
        <v>19</v>
      </c>
      <c r="O13" s="61" t="s">
        <v>90</v>
      </c>
      <c r="P13" s="66" t="s">
        <v>90</v>
      </c>
      <c r="Q13" s="181">
        <v>95.8</v>
      </c>
      <c r="R13" s="182">
        <v>94.6</v>
      </c>
      <c r="S13" s="19"/>
      <c r="T13" s="17">
        <v>0.2</v>
      </c>
      <c r="U13" s="18">
        <v>0.1</v>
      </c>
      <c r="V13" s="142"/>
    </row>
    <row r="14" spans="2:22" s="1" customFormat="1" ht="88.2" customHeight="1" x14ac:dyDescent="0.2">
      <c r="B14" s="152" t="s">
        <v>270</v>
      </c>
      <c r="C14" s="322" t="s">
        <v>271</v>
      </c>
      <c r="D14" s="323"/>
      <c r="E14" s="320" t="s">
        <v>272</v>
      </c>
      <c r="F14" s="321"/>
      <c r="G14" s="154" t="s">
        <v>273</v>
      </c>
      <c r="H14" s="155" t="s">
        <v>90</v>
      </c>
      <c r="I14" s="136" t="s">
        <v>90</v>
      </c>
      <c r="J14" s="137" t="s">
        <v>90</v>
      </c>
      <c r="K14" s="138" t="s">
        <v>90</v>
      </c>
      <c r="L14" s="139" t="s">
        <v>19</v>
      </c>
      <c r="M14" s="140" t="s">
        <v>90</v>
      </c>
      <c r="N14" s="138" t="s">
        <v>19</v>
      </c>
      <c r="O14" s="139" t="s">
        <v>90</v>
      </c>
      <c r="P14" s="156" t="s">
        <v>90</v>
      </c>
      <c r="Q14" s="181">
        <v>34.6</v>
      </c>
      <c r="R14" s="182">
        <v>34.9</v>
      </c>
      <c r="S14" s="19"/>
      <c r="T14" s="17">
        <v>0.2</v>
      </c>
      <c r="U14" s="18">
        <v>0.2</v>
      </c>
      <c r="V14" s="142"/>
    </row>
    <row r="15" spans="2:22" s="1" customFormat="1" ht="88.2" customHeight="1" x14ac:dyDescent="0.2">
      <c r="B15" s="152" t="s">
        <v>274</v>
      </c>
      <c r="C15" s="322" t="s">
        <v>275</v>
      </c>
      <c r="D15" s="323"/>
      <c r="E15" s="320" t="s">
        <v>276</v>
      </c>
      <c r="F15" s="321"/>
      <c r="G15" s="57" t="s">
        <v>277</v>
      </c>
      <c r="H15" s="153" t="s">
        <v>90</v>
      </c>
      <c r="I15" s="58" t="s">
        <v>90</v>
      </c>
      <c r="J15" s="59" t="s">
        <v>90</v>
      </c>
      <c r="K15" s="63" t="s">
        <v>19</v>
      </c>
      <c r="L15" s="61" t="s">
        <v>90</v>
      </c>
      <c r="M15" s="62" t="s">
        <v>90</v>
      </c>
      <c r="N15" s="63" t="s">
        <v>19</v>
      </c>
      <c r="O15" s="61" t="s">
        <v>90</v>
      </c>
      <c r="P15" s="66" t="s">
        <v>90</v>
      </c>
      <c r="Q15" s="181">
        <v>87.1</v>
      </c>
      <c r="R15" s="182">
        <v>85.2</v>
      </c>
      <c r="S15" s="19"/>
      <c r="T15" s="17">
        <v>0.1</v>
      </c>
      <c r="U15" s="18">
        <v>0.1</v>
      </c>
      <c r="V15" s="142"/>
    </row>
    <row r="16" spans="2:22" s="1" customFormat="1" ht="88.2" customHeight="1" x14ac:dyDescent="0.2">
      <c r="B16" s="152" t="s">
        <v>278</v>
      </c>
      <c r="C16" s="322" t="s">
        <v>279</v>
      </c>
      <c r="D16" s="323"/>
      <c r="E16" s="320" t="s">
        <v>280</v>
      </c>
      <c r="F16" s="321"/>
      <c r="G16" s="154" t="s">
        <v>90</v>
      </c>
      <c r="H16" s="155" t="s">
        <v>250</v>
      </c>
      <c r="I16" s="136" t="s">
        <v>90</v>
      </c>
      <c r="J16" s="137" t="s">
        <v>90</v>
      </c>
      <c r="K16" s="138" t="s">
        <v>90</v>
      </c>
      <c r="L16" s="139" t="s">
        <v>19</v>
      </c>
      <c r="M16" s="140" t="s">
        <v>90</v>
      </c>
      <c r="N16" s="138" t="s">
        <v>19</v>
      </c>
      <c r="O16" s="139" t="s">
        <v>90</v>
      </c>
      <c r="P16" s="156" t="s">
        <v>90</v>
      </c>
      <c r="Q16" s="181">
        <v>49.7</v>
      </c>
      <c r="R16" s="182">
        <v>50.4</v>
      </c>
      <c r="S16" s="19"/>
      <c r="T16" s="17">
        <v>0.2</v>
      </c>
      <c r="U16" s="18">
        <v>0.1</v>
      </c>
      <c r="V16" s="142"/>
    </row>
    <row r="17" spans="2:22" s="1" customFormat="1" ht="88.2" customHeight="1" x14ac:dyDescent="0.2">
      <c r="B17" s="152" t="s">
        <v>27</v>
      </c>
      <c r="C17" s="322" t="s">
        <v>281</v>
      </c>
      <c r="D17" s="323"/>
      <c r="E17" s="320" t="s">
        <v>282</v>
      </c>
      <c r="F17" s="321"/>
      <c r="G17" s="57" t="s">
        <v>90</v>
      </c>
      <c r="H17" s="153" t="s">
        <v>283</v>
      </c>
      <c r="I17" s="58" t="s">
        <v>90</v>
      </c>
      <c r="J17" s="59" t="s">
        <v>90</v>
      </c>
      <c r="K17" s="63" t="s">
        <v>19</v>
      </c>
      <c r="L17" s="61" t="s">
        <v>90</v>
      </c>
      <c r="M17" s="62" t="s">
        <v>90</v>
      </c>
      <c r="N17" s="63" t="s">
        <v>19</v>
      </c>
      <c r="O17" s="61" t="s">
        <v>90</v>
      </c>
      <c r="P17" s="66" t="s">
        <v>90</v>
      </c>
      <c r="Q17" s="181">
        <v>93.7</v>
      </c>
      <c r="R17" s="182">
        <v>92.8</v>
      </c>
      <c r="S17" s="19"/>
      <c r="T17" s="17">
        <v>0.1</v>
      </c>
      <c r="U17" s="18">
        <v>0.1</v>
      </c>
      <c r="V17" s="142"/>
    </row>
    <row r="18" spans="2:22" s="1" customFormat="1" ht="88.2" customHeight="1" x14ac:dyDescent="0.2">
      <c r="B18" s="152" t="s">
        <v>284</v>
      </c>
      <c r="C18" s="322" t="s">
        <v>285</v>
      </c>
      <c r="D18" s="323"/>
      <c r="E18" s="320" t="s">
        <v>286</v>
      </c>
      <c r="F18" s="321"/>
      <c r="G18" s="154" t="s">
        <v>90</v>
      </c>
      <c r="H18" s="136" t="s">
        <v>250</v>
      </c>
      <c r="I18" s="136" t="s">
        <v>90</v>
      </c>
      <c r="J18" s="137" t="s">
        <v>90</v>
      </c>
      <c r="K18" s="138" t="s">
        <v>19</v>
      </c>
      <c r="L18" s="139" t="s">
        <v>90</v>
      </c>
      <c r="M18" s="140" t="s">
        <v>90</v>
      </c>
      <c r="N18" s="138" t="s">
        <v>19</v>
      </c>
      <c r="O18" s="139" t="s">
        <v>90</v>
      </c>
      <c r="P18" s="141" t="s">
        <v>90</v>
      </c>
      <c r="Q18" s="181">
        <v>93.4</v>
      </c>
      <c r="R18" s="182">
        <v>93</v>
      </c>
      <c r="S18" s="19"/>
      <c r="T18" s="17">
        <v>0.1</v>
      </c>
      <c r="U18" s="18">
        <v>0.1</v>
      </c>
      <c r="V18" s="142"/>
    </row>
    <row r="19" spans="2:22" s="1" customFormat="1" ht="88.2" customHeight="1" x14ac:dyDescent="0.2">
      <c r="B19" s="152" t="s">
        <v>31</v>
      </c>
      <c r="C19" s="322" t="s">
        <v>287</v>
      </c>
      <c r="D19" s="323"/>
      <c r="E19" s="320" t="s">
        <v>288</v>
      </c>
      <c r="F19" s="321"/>
      <c r="G19" s="157" t="s">
        <v>90</v>
      </c>
      <c r="H19" s="58" t="s">
        <v>289</v>
      </c>
      <c r="I19" s="58" t="s">
        <v>90</v>
      </c>
      <c r="J19" s="59" t="s">
        <v>90</v>
      </c>
      <c r="K19" s="63" t="s">
        <v>90</v>
      </c>
      <c r="L19" s="61" t="s">
        <v>19</v>
      </c>
      <c r="M19" s="62" t="s">
        <v>90</v>
      </c>
      <c r="N19" s="63" t="s">
        <v>90</v>
      </c>
      <c r="O19" s="61" t="s">
        <v>90</v>
      </c>
      <c r="P19" s="64" t="s">
        <v>19</v>
      </c>
      <c r="Q19" s="181">
        <v>39.700000000000003</v>
      </c>
      <c r="R19" s="182">
        <v>35.6</v>
      </c>
      <c r="S19" s="19"/>
      <c r="T19" s="17">
        <v>4.4000000000000004</v>
      </c>
      <c r="U19" s="18">
        <v>4.5999999999999996</v>
      </c>
      <c r="V19" s="142"/>
    </row>
    <row r="20" spans="2:22" s="1" customFormat="1" ht="88.2" customHeight="1" x14ac:dyDescent="0.2">
      <c r="B20" s="152" t="s">
        <v>290</v>
      </c>
      <c r="C20" s="322" t="s">
        <v>291</v>
      </c>
      <c r="D20" s="323"/>
      <c r="E20" s="320" t="s">
        <v>292</v>
      </c>
      <c r="F20" s="321"/>
      <c r="G20" s="135" t="s">
        <v>90</v>
      </c>
      <c r="H20" s="155" t="s">
        <v>90</v>
      </c>
      <c r="I20" s="136" t="s">
        <v>293</v>
      </c>
      <c r="J20" s="137" t="s">
        <v>90</v>
      </c>
      <c r="K20" s="138" t="s">
        <v>19</v>
      </c>
      <c r="L20" s="139" t="s">
        <v>90</v>
      </c>
      <c r="M20" s="140" t="s">
        <v>90</v>
      </c>
      <c r="N20" s="138" t="s">
        <v>19</v>
      </c>
      <c r="O20" s="139" t="s">
        <v>90</v>
      </c>
      <c r="P20" s="156" t="s">
        <v>90</v>
      </c>
      <c r="Q20" s="181">
        <v>65.900000000000006</v>
      </c>
      <c r="R20" s="182">
        <v>65.900000000000006</v>
      </c>
      <c r="S20" s="19"/>
      <c r="T20" s="17">
        <v>0.2</v>
      </c>
      <c r="U20" s="18">
        <v>0.2</v>
      </c>
      <c r="V20" s="142"/>
    </row>
    <row r="21" spans="2:22" ht="88.2" customHeight="1" x14ac:dyDescent="0.2">
      <c r="B21" s="152" t="s">
        <v>65</v>
      </c>
      <c r="C21" s="322" t="s">
        <v>294</v>
      </c>
      <c r="D21" s="323"/>
      <c r="E21" s="320" t="s">
        <v>295</v>
      </c>
      <c r="F21" s="321"/>
      <c r="G21" s="74" t="s">
        <v>90</v>
      </c>
      <c r="H21" s="58" t="s">
        <v>90</v>
      </c>
      <c r="I21" s="153" t="s">
        <v>296</v>
      </c>
      <c r="J21" s="59" t="s">
        <v>90</v>
      </c>
      <c r="K21" s="63" t="s">
        <v>90</v>
      </c>
      <c r="L21" s="61" t="s">
        <v>19</v>
      </c>
      <c r="M21" s="62" t="s">
        <v>90</v>
      </c>
      <c r="N21" s="63" t="s">
        <v>19</v>
      </c>
      <c r="O21" s="61" t="s">
        <v>90</v>
      </c>
      <c r="P21" s="66" t="s">
        <v>90</v>
      </c>
      <c r="Q21" s="183">
        <v>39.700000000000003</v>
      </c>
      <c r="R21" s="182">
        <v>41.9</v>
      </c>
      <c r="S21" s="19"/>
      <c r="T21" s="17">
        <v>0.2</v>
      </c>
      <c r="U21" s="18">
        <v>0.1</v>
      </c>
      <c r="V21" s="158"/>
    </row>
    <row r="22" spans="2:22" ht="88.2" customHeight="1" x14ac:dyDescent="0.2">
      <c r="B22" s="152" t="s">
        <v>297</v>
      </c>
      <c r="C22" s="322" t="s">
        <v>298</v>
      </c>
      <c r="D22" s="323"/>
      <c r="E22" s="320" t="s">
        <v>299</v>
      </c>
      <c r="F22" s="321"/>
      <c r="G22" s="135" t="s">
        <v>90</v>
      </c>
      <c r="H22" s="136" t="s">
        <v>90</v>
      </c>
      <c r="I22" s="136" t="s">
        <v>255</v>
      </c>
      <c r="J22" s="137" t="s">
        <v>90</v>
      </c>
      <c r="K22" s="138" t="s">
        <v>90</v>
      </c>
      <c r="L22" s="139" t="s">
        <v>19</v>
      </c>
      <c r="M22" s="140" t="s">
        <v>90</v>
      </c>
      <c r="N22" s="138" t="s">
        <v>19</v>
      </c>
      <c r="O22" s="139" t="s">
        <v>90</v>
      </c>
      <c r="P22" s="156" t="s">
        <v>90</v>
      </c>
      <c r="Q22" s="183">
        <v>36.5</v>
      </c>
      <c r="R22" s="182">
        <v>34.799999999999997</v>
      </c>
      <c r="S22" s="19"/>
      <c r="T22" s="17">
        <v>0.2</v>
      </c>
      <c r="U22" s="18">
        <v>0.2</v>
      </c>
      <c r="V22" s="158"/>
    </row>
    <row r="23" spans="2:22" ht="88.2" customHeight="1" x14ac:dyDescent="0.2">
      <c r="B23" s="152" t="s">
        <v>300</v>
      </c>
      <c r="C23" s="322" t="s">
        <v>301</v>
      </c>
      <c r="D23" s="323"/>
      <c r="E23" s="320" t="s">
        <v>302</v>
      </c>
      <c r="F23" s="321"/>
      <c r="G23" s="144" t="s">
        <v>90</v>
      </c>
      <c r="H23" s="145" t="s">
        <v>303</v>
      </c>
      <c r="I23" s="146" t="s">
        <v>255</v>
      </c>
      <c r="J23" s="147" t="s">
        <v>90</v>
      </c>
      <c r="K23" s="148" t="s">
        <v>19</v>
      </c>
      <c r="L23" s="149" t="s">
        <v>90</v>
      </c>
      <c r="M23" s="150" t="s">
        <v>90</v>
      </c>
      <c r="N23" s="148" t="s">
        <v>19</v>
      </c>
      <c r="O23" s="149" t="s">
        <v>90</v>
      </c>
      <c r="P23" s="151" t="s">
        <v>90</v>
      </c>
      <c r="Q23" s="183">
        <v>50.7</v>
      </c>
      <c r="R23" s="182">
        <v>51.6</v>
      </c>
      <c r="S23" s="19"/>
      <c r="T23" s="17">
        <v>0.2</v>
      </c>
      <c r="U23" s="18">
        <v>0.2</v>
      </c>
      <c r="V23" s="158"/>
    </row>
    <row r="24" spans="2:22" ht="88.2" customHeight="1" x14ac:dyDescent="0.2">
      <c r="B24" s="152" t="s">
        <v>304</v>
      </c>
      <c r="C24" s="322" t="s">
        <v>305</v>
      </c>
      <c r="D24" s="323"/>
      <c r="E24" s="320" t="s">
        <v>306</v>
      </c>
      <c r="F24" s="321"/>
      <c r="G24" s="57" t="s">
        <v>90</v>
      </c>
      <c r="H24" s="58" t="s">
        <v>90</v>
      </c>
      <c r="I24" s="58" t="s">
        <v>90</v>
      </c>
      <c r="J24" s="59" t="s">
        <v>307</v>
      </c>
      <c r="K24" s="63" t="s">
        <v>90</v>
      </c>
      <c r="L24" s="61" t="s">
        <v>19</v>
      </c>
      <c r="M24" s="62" t="s">
        <v>90</v>
      </c>
      <c r="N24" s="63" t="s">
        <v>90</v>
      </c>
      <c r="O24" s="61" t="s">
        <v>90</v>
      </c>
      <c r="P24" s="66" t="s">
        <v>19</v>
      </c>
      <c r="Q24" s="183">
        <v>43.8</v>
      </c>
      <c r="R24" s="182">
        <v>42.2</v>
      </c>
      <c r="S24" s="19"/>
      <c r="T24" s="17">
        <v>2.7</v>
      </c>
      <c r="U24" s="18">
        <v>3.2</v>
      </c>
      <c r="V24" s="158"/>
    </row>
    <row r="25" spans="2:22" ht="88.2" customHeight="1" x14ac:dyDescent="0.2">
      <c r="B25" s="152" t="s">
        <v>308</v>
      </c>
      <c r="C25" s="322" t="s">
        <v>309</v>
      </c>
      <c r="D25" s="323"/>
      <c r="E25" s="320" t="s">
        <v>310</v>
      </c>
      <c r="F25" s="321"/>
      <c r="G25" s="57" t="s">
        <v>90</v>
      </c>
      <c r="H25" s="58" t="s">
        <v>90</v>
      </c>
      <c r="I25" s="58" t="s">
        <v>90</v>
      </c>
      <c r="J25" s="59" t="s">
        <v>307</v>
      </c>
      <c r="K25" s="63" t="s">
        <v>90</v>
      </c>
      <c r="L25" s="61" t="s">
        <v>19</v>
      </c>
      <c r="M25" s="62" t="s">
        <v>90</v>
      </c>
      <c r="N25" s="63" t="s">
        <v>90</v>
      </c>
      <c r="O25" s="61" t="s">
        <v>90</v>
      </c>
      <c r="P25" s="66" t="s">
        <v>19</v>
      </c>
      <c r="Q25" s="183">
        <v>18.600000000000001</v>
      </c>
      <c r="R25" s="182">
        <v>18.100000000000001</v>
      </c>
      <c r="S25" s="19"/>
      <c r="T25" s="17">
        <v>1.2</v>
      </c>
      <c r="U25" s="18">
        <v>1.1000000000000001</v>
      </c>
      <c r="V25" s="158"/>
    </row>
    <row r="26" spans="2:22" ht="88.2" customHeight="1" x14ac:dyDescent="0.2">
      <c r="B26" s="152" t="s">
        <v>311</v>
      </c>
      <c r="C26" s="322" t="s">
        <v>312</v>
      </c>
      <c r="D26" s="323"/>
      <c r="E26" s="320" t="s">
        <v>313</v>
      </c>
      <c r="F26" s="321"/>
      <c r="G26" s="159" t="s">
        <v>90</v>
      </c>
      <c r="H26" s="136" t="s">
        <v>90</v>
      </c>
      <c r="I26" s="136" t="s">
        <v>90</v>
      </c>
      <c r="J26" s="137" t="s">
        <v>303</v>
      </c>
      <c r="K26" s="138" t="s">
        <v>90</v>
      </c>
      <c r="L26" s="139" t="s">
        <v>19</v>
      </c>
      <c r="M26" s="140" t="s">
        <v>90</v>
      </c>
      <c r="N26" s="138" t="s">
        <v>19</v>
      </c>
      <c r="O26" s="139" t="s">
        <v>90</v>
      </c>
      <c r="P26" s="156" t="s">
        <v>90</v>
      </c>
      <c r="Q26" s="183">
        <v>32.200000000000003</v>
      </c>
      <c r="R26" s="182">
        <v>31.8</v>
      </c>
      <c r="S26" s="19"/>
      <c r="T26" s="17">
        <v>0.3</v>
      </c>
      <c r="U26" s="18">
        <v>0.3</v>
      </c>
      <c r="V26" s="158"/>
    </row>
    <row r="27" spans="2:22" ht="88.2" customHeight="1" thickBot="1" x14ac:dyDescent="0.25">
      <c r="B27" s="152" t="s">
        <v>314</v>
      </c>
      <c r="C27" s="322" t="s">
        <v>315</v>
      </c>
      <c r="D27" s="323"/>
      <c r="E27" s="320" t="s">
        <v>316</v>
      </c>
      <c r="F27" s="321"/>
      <c r="G27" s="57" t="s">
        <v>90</v>
      </c>
      <c r="H27" s="153" t="s">
        <v>90</v>
      </c>
      <c r="I27" s="58" t="s">
        <v>90</v>
      </c>
      <c r="J27" s="59" t="s">
        <v>303</v>
      </c>
      <c r="K27" s="63" t="s">
        <v>19</v>
      </c>
      <c r="L27" s="61" t="s">
        <v>90</v>
      </c>
      <c r="M27" s="62" t="s">
        <v>90</v>
      </c>
      <c r="N27" s="63" t="s">
        <v>19</v>
      </c>
      <c r="O27" s="61" t="s">
        <v>90</v>
      </c>
      <c r="P27" s="66" t="s">
        <v>90</v>
      </c>
      <c r="Q27" s="183">
        <v>62.3</v>
      </c>
      <c r="R27" s="182">
        <v>58.1</v>
      </c>
      <c r="S27" s="20"/>
      <c r="T27" s="17">
        <v>0.3</v>
      </c>
      <c r="U27" s="18">
        <v>0.3</v>
      </c>
      <c r="V27" s="77"/>
    </row>
  </sheetData>
  <mergeCells count="55">
    <mergeCell ref="C27:D27"/>
    <mergeCell ref="E27:F27"/>
    <mergeCell ref="T4:V4"/>
    <mergeCell ref="Q4:S4"/>
    <mergeCell ref="C25:D25"/>
    <mergeCell ref="E25:F25"/>
    <mergeCell ref="C26:D26"/>
    <mergeCell ref="E26:F26"/>
    <mergeCell ref="C23:D23"/>
    <mergeCell ref="E23:F23"/>
    <mergeCell ref="C24:D24"/>
    <mergeCell ref="C11:D11"/>
    <mergeCell ref="C12:D12"/>
    <mergeCell ref="E7:F7"/>
    <mergeCell ref="E4:F5"/>
    <mergeCell ref="E24:F24"/>
    <mergeCell ref="C20:D20"/>
    <mergeCell ref="C21:D21"/>
    <mergeCell ref="E21:F21"/>
    <mergeCell ref="C22:D22"/>
    <mergeCell ref="E22:F22"/>
    <mergeCell ref="E20:F20"/>
    <mergeCell ref="K4:M4"/>
    <mergeCell ref="N4:P4"/>
    <mergeCell ref="C6:D6"/>
    <mergeCell ref="E6:F6"/>
    <mergeCell ref="C10:D10"/>
    <mergeCell ref="E14:F14"/>
    <mergeCell ref="E15:F15"/>
    <mergeCell ref="E16:F16"/>
    <mergeCell ref="C14:D14"/>
    <mergeCell ref="C15:D15"/>
    <mergeCell ref="C16:D16"/>
    <mergeCell ref="E17:F17"/>
    <mergeCell ref="E18:F18"/>
    <mergeCell ref="E19:F19"/>
    <mergeCell ref="C19:D19"/>
    <mergeCell ref="C17:D17"/>
    <mergeCell ref="C18:D18"/>
    <mergeCell ref="B1:F1"/>
    <mergeCell ref="B2:V2"/>
    <mergeCell ref="B3:V3"/>
    <mergeCell ref="G4:J4"/>
    <mergeCell ref="E13:F13"/>
    <mergeCell ref="C13:D13"/>
    <mergeCell ref="E8:F8"/>
    <mergeCell ref="E9:F9"/>
    <mergeCell ref="E10:F10"/>
    <mergeCell ref="C8:D8"/>
    <mergeCell ref="C9:D9"/>
    <mergeCell ref="C7:D7"/>
    <mergeCell ref="E11:F11"/>
    <mergeCell ref="E12:F12"/>
    <mergeCell ref="B4:B5"/>
    <mergeCell ref="C4:D5"/>
  </mergeCells>
  <phoneticPr fontId="2"/>
  <conditionalFormatting sqref="B6:B12">
    <cfRule type="expression" dxfId="6" priority="7">
      <formula>LEN(#REF!)&gt;5</formula>
    </cfRule>
  </conditionalFormatting>
  <conditionalFormatting sqref="B14">
    <cfRule type="expression" dxfId="5" priority="6">
      <formula>LEN(#REF!)&gt;5</formula>
    </cfRule>
  </conditionalFormatting>
  <conditionalFormatting sqref="B16:B22">
    <cfRule type="expression" dxfId="4" priority="5">
      <formula>LEN(#REF!)&gt;5</formula>
    </cfRule>
  </conditionalFormatting>
  <conditionalFormatting sqref="B24">
    <cfRule type="expression" dxfId="3" priority="4">
      <formula>LEN(#REF!)&gt;5</formula>
    </cfRule>
  </conditionalFormatting>
  <conditionalFormatting sqref="B26">
    <cfRule type="expression" dxfId="2" priority="3">
      <formula>LEN(#REF!)&gt;5</formula>
    </cfRule>
  </conditionalFormatting>
  <conditionalFormatting sqref="C6:C27">
    <cfRule type="expression" dxfId="1" priority="2">
      <formula>LEN(#REF!)&gt;60</formula>
    </cfRule>
  </conditionalFormatting>
  <conditionalFormatting sqref="E6:E27">
    <cfRule type="expression" dxfId="0" priority="1">
      <formula>LEN(#REF!)&gt;45</formula>
    </cfRule>
  </conditionalFormatting>
  <pageMargins left="0.25" right="0.25" top="0.75" bottom="0.75" header="0.3" footer="0.3"/>
  <pageSetup paperSize="9" scale="32"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B1:F41"/>
  <sheetViews>
    <sheetView showGridLines="0" view="pageBreakPreview" zoomScale="80" zoomScaleNormal="70" zoomScaleSheetLayoutView="80" workbookViewId="0">
      <selection activeCell="I25" sqref="I25"/>
    </sheetView>
  </sheetViews>
  <sheetFormatPr defaultRowHeight="14.4" x14ac:dyDescent="0.2"/>
  <cols>
    <col min="1" max="1" width="1" customWidth="1"/>
    <col min="2" max="2" width="8.69921875" style="3"/>
    <col min="3" max="3" width="95.8984375" style="4" customWidth="1"/>
    <col min="4" max="5" width="9.69921875" style="5" customWidth="1"/>
    <col min="6" max="6" width="9.69921875" style="3" customWidth="1"/>
    <col min="7" max="7" width="0.8984375" customWidth="1"/>
  </cols>
  <sheetData>
    <row r="1" spans="2:6" ht="298.95" customHeight="1" x14ac:dyDescent="0.2">
      <c r="B1" s="332"/>
      <c r="C1" s="332"/>
      <c r="D1" s="332"/>
      <c r="E1" s="332"/>
      <c r="F1" s="332"/>
    </row>
    <row r="2" spans="2:6" ht="6" customHeight="1" thickBot="1" x14ac:dyDescent="0.25"/>
    <row r="3" spans="2:6" s="3" customFormat="1" ht="25.2" customHeight="1" x14ac:dyDescent="0.2">
      <c r="B3" s="160" t="s">
        <v>75</v>
      </c>
      <c r="C3" s="39" t="s">
        <v>76</v>
      </c>
      <c r="D3" s="161" t="s">
        <v>77</v>
      </c>
      <c r="E3" s="162" t="s">
        <v>78</v>
      </c>
      <c r="F3" s="163" t="s">
        <v>108</v>
      </c>
    </row>
    <row r="4" spans="2:6" ht="25.2" customHeight="1" x14ac:dyDescent="0.2">
      <c r="B4" s="160">
        <v>44</v>
      </c>
      <c r="C4" s="164" t="s">
        <v>317</v>
      </c>
      <c r="D4" s="174">
        <v>61.5</v>
      </c>
      <c r="E4" s="175">
        <v>61.400000000000006</v>
      </c>
      <c r="F4" s="165"/>
    </row>
    <row r="5" spans="2:6" ht="25.2" customHeight="1" x14ac:dyDescent="0.2">
      <c r="B5" s="160">
        <v>45</v>
      </c>
      <c r="C5" s="164" t="s">
        <v>79</v>
      </c>
      <c r="D5" s="174">
        <v>58.5</v>
      </c>
      <c r="E5" s="175">
        <v>58.300000000000004</v>
      </c>
      <c r="F5" s="165"/>
    </row>
    <row r="6" spans="2:6" ht="25.2" customHeight="1" x14ac:dyDescent="0.2">
      <c r="B6" s="160">
        <v>46</v>
      </c>
      <c r="C6" s="164" t="s">
        <v>80</v>
      </c>
      <c r="D6" s="174">
        <v>83.7</v>
      </c>
      <c r="E6" s="175">
        <v>82.8</v>
      </c>
      <c r="F6" s="165"/>
    </row>
    <row r="7" spans="2:6" ht="25.2" customHeight="1" x14ac:dyDescent="0.2">
      <c r="B7" s="160">
        <v>47</v>
      </c>
      <c r="C7" s="164" t="s">
        <v>81</v>
      </c>
      <c r="D7" s="174">
        <v>90.7</v>
      </c>
      <c r="E7" s="175">
        <v>90.4</v>
      </c>
      <c r="F7" s="165"/>
    </row>
    <row r="8" spans="2:6" ht="25.2" customHeight="1" x14ac:dyDescent="0.2">
      <c r="B8" s="160">
        <v>48</v>
      </c>
      <c r="C8" s="166" t="s">
        <v>318</v>
      </c>
      <c r="D8" s="174">
        <v>78.7</v>
      </c>
      <c r="E8" s="175">
        <v>78.2</v>
      </c>
      <c r="F8" s="165"/>
    </row>
    <row r="9" spans="2:6" ht="25.2" customHeight="1" x14ac:dyDescent="0.2">
      <c r="B9" s="160">
        <v>49</v>
      </c>
      <c r="C9" s="166" t="s">
        <v>319</v>
      </c>
      <c r="D9" s="174">
        <v>74.900000000000006</v>
      </c>
      <c r="E9" s="175">
        <v>75.5</v>
      </c>
      <c r="F9" s="165"/>
    </row>
    <row r="10" spans="2:6" ht="25.2" customHeight="1" x14ac:dyDescent="0.2">
      <c r="B10" s="160">
        <v>50</v>
      </c>
      <c r="C10" s="166" t="s">
        <v>320</v>
      </c>
      <c r="D10" s="174">
        <v>82.5</v>
      </c>
      <c r="E10" s="175">
        <v>81.800000000000011</v>
      </c>
      <c r="F10" s="165"/>
    </row>
    <row r="11" spans="2:6" ht="25.2" customHeight="1" x14ac:dyDescent="0.2">
      <c r="B11" s="160">
        <v>51</v>
      </c>
      <c r="C11" s="166" t="s">
        <v>321</v>
      </c>
      <c r="D11" s="174">
        <v>79.8</v>
      </c>
      <c r="E11" s="175">
        <v>79.099999999999994</v>
      </c>
      <c r="F11" s="165"/>
    </row>
    <row r="12" spans="2:6" ht="25.2" customHeight="1" x14ac:dyDescent="0.2">
      <c r="B12" s="160" t="s">
        <v>330</v>
      </c>
      <c r="C12" s="166" t="s">
        <v>354</v>
      </c>
      <c r="D12" s="174">
        <v>79.3</v>
      </c>
      <c r="E12" s="175">
        <v>81.7</v>
      </c>
      <c r="F12" s="165"/>
    </row>
    <row r="13" spans="2:6" ht="25.2" customHeight="1" thickBot="1" x14ac:dyDescent="0.25">
      <c r="B13" s="160" t="s">
        <v>82</v>
      </c>
      <c r="C13" s="164" t="s">
        <v>331</v>
      </c>
      <c r="D13" s="174">
        <v>70.800000000000011</v>
      </c>
      <c r="E13" s="175">
        <v>73.900000000000006</v>
      </c>
      <c r="F13" s="167"/>
    </row>
    <row r="14" spans="2:6" ht="6.6" customHeight="1" thickBot="1" x14ac:dyDescent="0.25">
      <c r="B14" s="168"/>
      <c r="C14" s="169"/>
      <c r="D14" s="170"/>
      <c r="E14" s="170"/>
      <c r="F14" s="168"/>
    </row>
    <row r="15" spans="2:6" s="3" customFormat="1" ht="25.2" customHeight="1" x14ac:dyDescent="0.2">
      <c r="B15" s="160" t="s">
        <v>75</v>
      </c>
      <c r="C15" s="39" t="s">
        <v>76</v>
      </c>
      <c r="D15" s="161" t="s">
        <v>77</v>
      </c>
      <c r="E15" s="162" t="s">
        <v>78</v>
      </c>
      <c r="F15" s="163" t="s">
        <v>108</v>
      </c>
    </row>
    <row r="16" spans="2:6" ht="25.2" customHeight="1" x14ac:dyDescent="0.2">
      <c r="B16" s="160">
        <v>52</v>
      </c>
      <c r="C16" s="164" t="s">
        <v>323</v>
      </c>
      <c r="D16" s="174">
        <v>60.300000000000004</v>
      </c>
      <c r="E16" s="175">
        <v>60.3</v>
      </c>
      <c r="F16" s="165"/>
    </row>
    <row r="17" spans="2:6" ht="25.2" customHeight="1" x14ac:dyDescent="0.2">
      <c r="B17" s="160">
        <v>53</v>
      </c>
      <c r="C17" s="164" t="s">
        <v>322</v>
      </c>
      <c r="D17" s="174">
        <v>58.7</v>
      </c>
      <c r="E17" s="175">
        <v>57.900000000000006</v>
      </c>
      <c r="F17" s="165"/>
    </row>
    <row r="18" spans="2:6" ht="25.2" customHeight="1" x14ac:dyDescent="0.2">
      <c r="B18" s="160">
        <v>54</v>
      </c>
      <c r="C18" s="164" t="s">
        <v>324</v>
      </c>
      <c r="D18" s="174">
        <v>78.400000000000006</v>
      </c>
      <c r="E18" s="175">
        <v>78.300000000000011</v>
      </c>
      <c r="F18" s="165"/>
    </row>
    <row r="19" spans="2:6" ht="25.2" customHeight="1" x14ac:dyDescent="0.2">
      <c r="B19" s="160">
        <v>55</v>
      </c>
      <c r="C19" s="164" t="s">
        <v>325</v>
      </c>
      <c r="D19" s="174">
        <v>91.800000000000011</v>
      </c>
      <c r="E19" s="175">
        <v>91.6</v>
      </c>
      <c r="F19" s="165"/>
    </row>
    <row r="20" spans="2:6" ht="25.2" customHeight="1" x14ac:dyDescent="0.2">
      <c r="B20" s="160">
        <v>56</v>
      </c>
      <c r="C20" s="164" t="s">
        <v>326</v>
      </c>
      <c r="D20" s="174">
        <v>83.4</v>
      </c>
      <c r="E20" s="175">
        <v>83.3</v>
      </c>
      <c r="F20" s="165"/>
    </row>
    <row r="21" spans="2:6" ht="25.2" customHeight="1" x14ac:dyDescent="0.2">
      <c r="B21" s="160">
        <v>57</v>
      </c>
      <c r="C21" s="164" t="s">
        <v>327</v>
      </c>
      <c r="D21" s="174">
        <v>81.8</v>
      </c>
      <c r="E21" s="175">
        <v>82.3</v>
      </c>
      <c r="F21" s="165"/>
    </row>
    <row r="22" spans="2:6" ht="25.2" customHeight="1" x14ac:dyDescent="0.2">
      <c r="B22" s="160">
        <v>58</v>
      </c>
      <c r="C22" s="164" t="s">
        <v>328</v>
      </c>
      <c r="D22" s="174">
        <v>63.1</v>
      </c>
      <c r="E22" s="175">
        <v>65.5</v>
      </c>
      <c r="F22" s="165"/>
    </row>
    <row r="23" spans="2:6" ht="25.2" customHeight="1" x14ac:dyDescent="0.2">
      <c r="B23" s="160">
        <v>59</v>
      </c>
      <c r="C23" s="164" t="s">
        <v>329</v>
      </c>
      <c r="D23" s="174">
        <v>80.5</v>
      </c>
      <c r="E23" s="175">
        <v>80.599999999999994</v>
      </c>
      <c r="F23" s="165"/>
    </row>
    <row r="24" spans="2:6" ht="25.2" customHeight="1" x14ac:dyDescent="0.2">
      <c r="B24" s="160" t="s">
        <v>333</v>
      </c>
      <c r="C24" s="166" t="s">
        <v>355</v>
      </c>
      <c r="D24" s="174">
        <v>72.8</v>
      </c>
      <c r="E24" s="175">
        <v>74.5</v>
      </c>
      <c r="F24" s="165"/>
    </row>
    <row r="25" spans="2:6" ht="25.2" customHeight="1" thickBot="1" x14ac:dyDescent="0.25">
      <c r="B25" s="160" t="s">
        <v>334</v>
      </c>
      <c r="C25" s="164" t="s">
        <v>332</v>
      </c>
      <c r="D25" s="174">
        <v>82.8</v>
      </c>
      <c r="E25" s="175">
        <v>80.400000000000006</v>
      </c>
      <c r="F25" s="167"/>
    </row>
    <row r="26" spans="2:6" ht="6" customHeight="1" thickBot="1" x14ac:dyDescent="0.25">
      <c r="B26" s="168"/>
      <c r="C26" s="169"/>
      <c r="D26" s="170"/>
      <c r="E26" s="170"/>
      <c r="F26" s="168"/>
    </row>
    <row r="27" spans="2:6" ht="24" customHeight="1" x14ac:dyDescent="0.2">
      <c r="B27" s="160" t="s">
        <v>335</v>
      </c>
      <c r="C27" s="39" t="s">
        <v>336</v>
      </c>
      <c r="D27" s="161" t="s">
        <v>337</v>
      </c>
      <c r="E27" s="162" t="s">
        <v>338</v>
      </c>
      <c r="F27" s="163" t="s">
        <v>339</v>
      </c>
    </row>
    <row r="28" spans="2:6" ht="24" customHeight="1" x14ac:dyDescent="0.2">
      <c r="B28" s="160">
        <v>60</v>
      </c>
      <c r="C28" s="164" t="s">
        <v>340</v>
      </c>
      <c r="D28" s="174">
        <v>76.699999999999989</v>
      </c>
      <c r="E28" s="175">
        <v>78.400000000000006</v>
      </c>
      <c r="F28" s="165"/>
    </row>
    <row r="29" spans="2:6" ht="24" customHeight="1" x14ac:dyDescent="0.2">
      <c r="B29" s="160">
        <v>61</v>
      </c>
      <c r="C29" s="164" t="s">
        <v>341</v>
      </c>
      <c r="D29" s="174">
        <v>79.5</v>
      </c>
      <c r="E29" s="175">
        <v>80.099999999999994</v>
      </c>
      <c r="F29" s="165"/>
    </row>
    <row r="30" spans="2:6" ht="24" customHeight="1" x14ac:dyDescent="0.2">
      <c r="B30" s="160">
        <v>62</v>
      </c>
      <c r="C30" s="164" t="s">
        <v>342</v>
      </c>
      <c r="D30" s="174">
        <v>88.699999999999989</v>
      </c>
      <c r="E30" s="175">
        <v>88.9</v>
      </c>
      <c r="F30" s="165"/>
    </row>
    <row r="31" spans="2:6" ht="24" customHeight="1" x14ac:dyDescent="0.2">
      <c r="B31" s="160">
        <v>63</v>
      </c>
      <c r="C31" s="164" t="s">
        <v>343</v>
      </c>
      <c r="D31" s="174">
        <v>79.699999999999989</v>
      </c>
      <c r="E31" s="175">
        <v>79.900000000000006</v>
      </c>
      <c r="F31" s="165"/>
    </row>
    <row r="32" spans="2:6" ht="24" customHeight="1" x14ac:dyDescent="0.2">
      <c r="B32" s="160">
        <v>64</v>
      </c>
      <c r="C32" s="164" t="s">
        <v>344</v>
      </c>
      <c r="D32" s="174">
        <v>30.5</v>
      </c>
      <c r="E32" s="175">
        <v>30</v>
      </c>
      <c r="F32" s="165"/>
    </row>
    <row r="33" spans="2:6" ht="24" customHeight="1" x14ac:dyDescent="0.2">
      <c r="B33" s="160">
        <v>65</v>
      </c>
      <c r="C33" s="164" t="s">
        <v>345</v>
      </c>
      <c r="D33" s="174">
        <v>62.900000000000006</v>
      </c>
      <c r="E33" s="175">
        <v>63.2</v>
      </c>
      <c r="F33" s="165"/>
    </row>
    <row r="34" spans="2:6" ht="24" customHeight="1" x14ac:dyDescent="0.2">
      <c r="B34" s="160">
        <v>66</v>
      </c>
      <c r="C34" s="166" t="s">
        <v>346</v>
      </c>
      <c r="D34" s="174">
        <v>69.5</v>
      </c>
      <c r="E34" s="175">
        <v>68.900000000000006</v>
      </c>
      <c r="F34" s="165"/>
    </row>
    <row r="35" spans="2:6" ht="24" customHeight="1" x14ac:dyDescent="0.2">
      <c r="B35" s="160">
        <v>67</v>
      </c>
      <c r="C35" s="166" t="s">
        <v>347</v>
      </c>
      <c r="D35" s="174">
        <v>92.7</v>
      </c>
      <c r="E35" s="175">
        <v>92.4</v>
      </c>
      <c r="F35" s="165"/>
    </row>
    <row r="36" spans="2:6" ht="24" customHeight="1" x14ac:dyDescent="0.2">
      <c r="B36" s="160">
        <v>68</v>
      </c>
      <c r="C36" s="166" t="s">
        <v>348</v>
      </c>
      <c r="D36" s="174">
        <v>86.8</v>
      </c>
      <c r="E36" s="175">
        <v>85.7</v>
      </c>
      <c r="F36" s="165"/>
    </row>
    <row r="37" spans="2:6" ht="24" customHeight="1" x14ac:dyDescent="0.2">
      <c r="B37" s="160">
        <v>69</v>
      </c>
      <c r="C37" s="166" t="s">
        <v>349</v>
      </c>
      <c r="D37" s="174">
        <v>88.8</v>
      </c>
      <c r="E37" s="175">
        <v>88.4</v>
      </c>
      <c r="F37" s="171"/>
    </row>
    <row r="38" spans="2:6" ht="24" customHeight="1" x14ac:dyDescent="0.2">
      <c r="B38" s="172">
        <v>70</v>
      </c>
      <c r="C38" s="173" t="s">
        <v>350</v>
      </c>
      <c r="D38" s="179">
        <v>75.3</v>
      </c>
      <c r="E38" s="180">
        <v>76</v>
      </c>
      <c r="F38" s="171"/>
    </row>
    <row r="39" spans="2:6" ht="24" customHeight="1" x14ac:dyDescent="0.2">
      <c r="B39" s="160" t="s">
        <v>352</v>
      </c>
      <c r="C39" s="166" t="s">
        <v>356</v>
      </c>
      <c r="D39" s="174">
        <v>78.8</v>
      </c>
      <c r="E39" s="175">
        <v>81.8</v>
      </c>
      <c r="F39" s="165"/>
    </row>
    <row r="40" spans="2:6" ht="24" customHeight="1" thickBot="1" x14ac:dyDescent="0.25">
      <c r="B40" s="160" t="s">
        <v>353</v>
      </c>
      <c r="C40" s="164" t="s">
        <v>351</v>
      </c>
      <c r="D40" s="174">
        <v>94.3</v>
      </c>
      <c r="E40" s="175">
        <v>94.1</v>
      </c>
      <c r="F40" s="167"/>
    </row>
    <row r="41" spans="2:6" ht="4.2" customHeight="1" x14ac:dyDescent="0.2"/>
  </sheetData>
  <mergeCells count="1">
    <mergeCell ref="B1:F1"/>
  </mergeCells>
  <phoneticPr fontId="2"/>
  <pageMargins left="0.25" right="0.25" top="0.75" bottom="0.75" header="0.3" footer="0.3"/>
  <pageSetup paperSize="9" scale="65" orientation="portrait" r:id="rId1"/>
  <rowBreaks count="1" manualBreakCount="1">
    <brk id="40" max="5"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B1:G41"/>
  <sheetViews>
    <sheetView showGridLines="0" view="pageBreakPreview" zoomScale="70" zoomScaleNormal="70" zoomScaleSheetLayoutView="70" workbookViewId="0">
      <selection activeCell="H3" sqref="H3"/>
    </sheetView>
  </sheetViews>
  <sheetFormatPr defaultRowHeight="14.4" x14ac:dyDescent="0.2"/>
  <cols>
    <col min="1" max="1" width="0.8984375" customWidth="1"/>
    <col min="2" max="2" width="8.69921875" style="3"/>
    <col min="3" max="3" width="94.59765625" style="4" customWidth="1"/>
    <col min="4" max="5" width="8.69921875" style="24"/>
    <col min="6" max="6" width="8.69921875" style="3"/>
    <col min="7" max="7" width="2.19921875" customWidth="1"/>
  </cols>
  <sheetData>
    <row r="1" spans="2:7" ht="299.39999999999998" customHeight="1" x14ac:dyDescent="0.2">
      <c r="B1" s="332"/>
      <c r="C1" s="332"/>
      <c r="D1" s="332"/>
      <c r="E1" s="332"/>
      <c r="F1" s="332"/>
    </row>
    <row r="2" spans="2:7" ht="4.95" customHeight="1" thickBot="1" x14ac:dyDescent="0.25"/>
    <row r="3" spans="2:7" s="3" customFormat="1" ht="24" customHeight="1" x14ac:dyDescent="0.2">
      <c r="B3" s="160" t="s">
        <v>75</v>
      </c>
      <c r="C3" s="39" t="s">
        <v>76</v>
      </c>
      <c r="D3" s="161" t="s">
        <v>77</v>
      </c>
      <c r="E3" s="162" t="s">
        <v>78</v>
      </c>
      <c r="F3" s="163" t="s">
        <v>108</v>
      </c>
      <c r="G3" s="168"/>
    </row>
    <row r="4" spans="2:7" ht="24" customHeight="1" x14ac:dyDescent="0.2">
      <c r="B4" s="160">
        <v>44</v>
      </c>
      <c r="C4" s="164" t="s">
        <v>317</v>
      </c>
      <c r="D4" s="174">
        <v>52.599999999999994</v>
      </c>
      <c r="E4" s="175">
        <v>51.400000000000006</v>
      </c>
      <c r="F4" s="165"/>
      <c r="G4" s="25"/>
    </row>
    <row r="5" spans="2:7" ht="24" customHeight="1" x14ac:dyDescent="0.2">
      <c r="B5" s="160">
        <v>45</v>
      </c>
      <c r="C5" s="164" t="s">
        <v>79</v>
      </c>
      <c r="D5" s="174">
        <v>58.6</v>
      </c>
      <c r="E5" s="175">
        <v>57.9</v>
      </c>
      <c r="F5" s="165"/>
      <c r="G5" s="25"/>
    </row>
    <row r="6" spans="2:7" ht="24" customHeight="1" x14ac:dyDescent="0.2">
      <c r="B6" s="160">
        <v>46</v>
      </c>
      <c r="C6" s="164" t="s">
        <v>80</v>
      </c>
      <c r="D6" s="174">
        <v>78.8</v>
      </c>
      <c r="E6" s="175">
        <v>77</v>
      </c>
      <c r="F6" s="165"/>
      <c r="G6" s="25"/>
    </row>
    <row r="7" spans="2:7" ht="24" customHeight="1" x14ac:dyDescent="0.2">
      <c r="B7" s="160">
        <v>47</v>
      </c>
      <c r="C7" s="164" t="s">
        <v>81</v>
      </c>
      <c r="D7" s="174">
        <v>88.7</v>
      </c>
      <c r="E7" s="175">
        <v>88.3</v>
      </c>
      <c r="F7" s="165"/>
      <c r="G7" s="25"/>
    </row>
    <row r="8" spans="2:7" ht="24" customHeight="1" x14ac:dyDescent="0.2">
      <c r="B8" s="160">
        <v>48</v>
      </c>
      <c r="C8" s="166" t="s">
        <v>318</v>
      </c>
      <c r="D8" s="174">
        <v>72.699999999999989</v>
      </c>
      <c r="E8" s="175">
        <v>72.900000000000006</v>
      </c>
      <c r="F8" s="165"/>
      <c r="G8" s="25"/>
    </row>
    <row r="9" spans="2:7" ht="24" customHeight="1" x14ac:dyDescent="0.2">
      <c r="B9" s="160">
        <v>49</v>
      </c>
      <c r="C9" s="166" t="s">
        <v>319</v>
      </c>
      <c r="D9" s="174">
        <v>70.199999999999989</v>
      </c>
      <c r="E9" s="175">
        <v>70.199999999999989</v>
      </c>
      <c r="F9" s="165"/>
      <c r="G9" s="25"/>
    </row>
    <row r="10" spans="2:7" ht="24" customHeight="1" x14ac:dyDescent="0.2">
      <c r="B10" s="160">
        <v>50</v>
      </c>
      <c r="C10" s="166" t="s">
        <v>357</v>
      </c>
      <c r="D10" s="174">
        <v>76.900000000000006</v>
      </c>
      <c r="E10" s="175">
        <v>74</v>
      </c>
      <c r="F10" s="165"/>
      <c r="G10" s="25"/>
    </row>
    <row r="11" spans="2:7" ht="24" customHeight="1" x14ac:dyDescent="0.2">
      <c r="B11" s="160">
        <v>51</v>
      </c>
      <c r="C11" s="166" t="s">
        <v>358</v>
      </c>
      <c r="D11" s="174">
        <v>75.5</v>
      </c>
      <c r="E11" s="175">
        <v>73.599999999999994</v>
      </c>
      <c r="F11" s="165"/>
      <c r="G11" s="25"/>
    </row>
    <row r="12" spans="2:7" ht="24" customHeight="1" x14ac:dyDescent="0.2">
      <c r="B12" s="160" t="s">
        <v>330</v>
      </c>
      <c r="C12" s="166" t="s">
        <v>354</v>
      </c>
      <c r="D12" s="174">
        <v>64.2</v>
      </c>
      <c r="E12" s="175">
        <v>65.3</v>
      </c>
      <c r="F12" s="165"/>
      <c r="G12" s="25"/>
    </row>
    <row r="13" spans="2:7" ht="24" customHeight="1" thickBot="1" x14ac:dyDescent="0.25">
      <c r="B13" s="160" t="s">
        <v>82</v>
      </c>
      <c r="C13" s="164" t="s">
        <v>331</v>
      </c>
      <c r="D13" s="174">
        <v>71.8</v>
      </c>
      <c r="E13" s="175">
        <v>67.8</v>
      </c>
      <c r="F13" s="167"/>
      <c r="G13" s="25"/>
    </row>
    <row r="14" spans="2:7" ht="6" customHeight="1" thickBot="1" x14ac:dyDescent="0.25">
      <c r="B14" s="168"/>
      <c r="C14" s="169"/>
      <c r="D14" s="176"/>
      <c r="E14" s="176"/>
      <c r="F14" s="168"/>
      <c r="G14" s="25"/>
    </row>
    <row r="15" spans="2:7" s="3" customFormat="1" ht="24" customHeight="1" x14ac:dyDescent="0.2">
      <c r="B15" s="160" t="s">
        <v>75</v>
      </c>
      <c r="C15" s="39" t="s">
        <v>76</v>
      </c>
      <c r="D15" s="161" t="s">
        <v>77</v>
      </c>
      <c r="E15" s="162" t="s">
        <v>78</v>
      </c>
      <c r="F15" s="163" t="s">
        <v>108</v>
      </c>
      <c r="G15" s="168"/>
    </row>
    <row r="16" spans="2:7" ht="24" customHeight="1" x14ac:dyDescent="0.2">
      <c r="B16" s="160">
        <v>52</v>
      </c>
      <c r="C16" s="164" t="s">
        <v>359</v>
      </c>
      <c r="D16" s="174">
        <v>47.400000000000006</v>
      </c>
      <c r="E16" s="175">
        <v>46</v>
      </c>
      <c r="F16" s="165"/>
      <c r="G16" s="25"/>
    </row>
    <row r="17" spans="2:7" ht="24" customHeight="1" x14ac:dyDescent="0.2">
      <c r="B17" s="160">
        <v>53</v>
      </c>
      <c r="C17" s="164" t="s">
        <v>360</v>
      </c>
      <c r="D17" s="174">
        <v>55.4</v>
      </c>
      <c r="E17" s="175">
        <v>53.8</v>
      </c>
      <c r="F17" s="165"/>
      <c r="G17" s="25"/>
    </row>
    <row r="18" spans="2:7" ht="24" customHeight="1" x14ac:dyDescent="0.2">
      <c r="B18" s="160">
        <v>54</v>
      </c>
      <c r="C18" s="164" t="s">
        <v>83</v>
      </c>
      <c r="D18" s="174">
        <v>73</v>
      </c>
      <c r="E18" s="175">
        <v>70.300000000000011</v>
      </c>
      <c r="F18" s="165"/>
      <c r="G18" s="25"/>
    </row>
    <row r="19" spans="2:7" ht="24" customHeight="1" x14ac:dyDescent="0.2">
      <c r="B19" s="160">
        <v>55</v>
      </c>
      <c r="C19" s="164" t="s">
        <v>84</v>
      </c>
      <c r="D19" s="174">
        <v>73.099999999999994</v>
      </c>
      <c r="E19" s="175">
        <v>75.199999999999989</v>
      </c>
      <c r="F19" s="165"/>
      <c r="G19" s="25"/>
    </row>
    <row r="20" spans="2:7" ht="24" customHeight="1" x14ac:dyDescent="0.2">
      <c r="B20" s="160">
        <v>56</v>
      </c>
      <c r="C20" s="164" t="s">
        <v>361</v>
      </c>
      <c r="D20" s="174">
        <v>55.900000000000006</v>
      </c>
      <c r="E20" s="175">
        <v>57.900000000000006</v>
      </c>
      <c r="F20" s="165"/>
      <c r="G20" s="25"/>
    </row>
    <row r="21" spans="2:7" ht="24" customHeight="1" x14ac:dyDescent="0.2">
      <c r="B21" s="160">
        <v>57</v>
      </c>
      <c r="C21" s="164" t="s">
        <v>362</v>
      </c>
      <c r="D21" s="174">
        <v>77</v>
      </c>
      <c r="E21" s="175">
        <v>76.2</v>
      </c>
      <c r="F21" s="165"/>
      <c r="G21" s="25"/>
    </row>
    <row r="22" spans="2:7" ht="24" customHeight="1" x14ac:dyDescent="0.2">
      <c r="B22" s="160">
        <v>58</v>
      </c>
      <c r="C22" s="164" t="s">
        <v>363</v>
      </c>
      <c r="D22" s="174">
        <v>57.099999999999994</v>
      </c>
      <c r="E22" s="175">
        <v>58.6</v>
      </c>
      <c r="F22" s="165"/>
      <c r="G22" s="25"/>
    </row>
    <row r="23" spans="2:7" ht="24" customHeight="1" x14ac:dyDescent="0.2">
      <c r="B23" s="160">
        <v>59</v>
      </c>
      <c r="C23" s="164" t="s">
        <v>364</v>
      </c>
      <c r="D23" s="174">
        <v>71.2</v>
      </c>
      <c r="E23" s="175">
        <v>67.099999999999994</v>
      </c>
      <c r="F23" s="165"/>
      <c r="G23" s="25"/>
    </row>
    <row r="24" spans="2:7" ht="24" customHeight="1" x14ac:dyDescent="0.2">
      <c r="B24" s="160" t="s">
        <v>471</v>
      </c>
      <c r="C24" s="177" t="s">
        <v>473</v>
      </c>
      <c r="D24" s="174">
        <v>54.4</v>
      </c>
      <c r="E24" s="175">
        <v>54.9</v>
      </c>
      <c r="F24" s="165"/>
      <c r="G24" s="25"/>
    </row>
    <row r="25" spans="2:7" ht="24" customHeight="1" thickBot="1" x14ac:dyDescent="0.25">
      <c r="B25" s="160" t="s">
        <v>472</v>
      </c>
      <c r="C25" s="164" t="s">
        <v>474</v>
      </c>
      <c r="D25" s="174">
        <v>77.599999999999994</v>
      </c>
      <c r="E25" s="175">
        <v>73.199999999999989</v>
      </c>
      <c r="F25" s="167"/>
      <c r="G25" s="25"/>
    </row>
    <row r="26" spans="2:7" ht="7.2" customHeight="1" thickBot="1" x14ac:dyDescent="0.25">
      <c r="B26" s="168"/>
      <c r="C26" s="169"/>
      <c r="D26" s="176"/>
      <c r="E26" s="176"/>
      <c r="F26" s="168"/>
      <c r="G26" s="25"/>
    </row>
    <row r="27" spans="2:7" ht="24" customHeight="1" x14ac:dyDescent="0.2">
      <c r="B27" s="160" t="s">
        <v>335</v>
      </c>
      <c r="C27" s="39" t="s">
        <v>336</v>
      </c>
      <c r="D27" s="161" t="s">
        <v>337</v>
      </c>
      <c r="E27" s="162" t="s">
        <v>338</v>
      </c>
      <c r="F27" s="163" t="s">
        <v>339</v>
      </c>
      <c r="G27" s="25"/>
    </row>
    <row r="28" spans="2:7" ht="24" customHeight="1" x14ac:dyDescent="0.2">
      <c r="B28" s="160">
        <v>60</v>
      </c>
      <c r="C28" s="164" t="s">
        <v>340</v>
      </c>
      <c r="D28" s="174">
        <v>47.1</v>
      </c>
      <c r="E28" s="175">
        <v>50.7</v>
      </c>
      <c r="F28" s="165"/>
      <c r="G28" s="25"/>
    </row>
    <row r="29" spans="2:7" ht="24" customHeight="1" x14ac:dyDescent="0.2">
      <c r="B29" s="160">
        <v>61</v>
      </c>
      <c r="C29" s="164" t="s">
        <v>341</v>
      </c>
      <c r="D29" s="174">
        <v>61</v>
      </c>
      <c r="E29" s="175">
        <v>63.8</v>
      </c>
      <c r="F29" s="165"/>
      <c r="G29" s="25"/>
    </row>
    <row r="30" spans="2:7" ht="24" customHeight="1" x14ac:dyDescent="0.2">
      <c r="B30" s="160">
        <v>62</v>
      </c>
      <c r="C30" s="164" t="s">
        <v>342</v>
      </c>
      <c r="D30" s="174">
        <v>71.2</v>
      </c>
      <c r="E30" s="175">
        <v>71.400000000000006</v>
      </c>
      <c r="F30" s="165"/>
      <c r="G30" s="25"/>
    </row>
    <row r="31" spans="2:7" ht="24" customHeight="1" x14ac:dyDescent="0.2">
      <c r="B31" s="160">
        <v>63</v>
      </c>
      <c r="C31" s="164" t="s">
        <v>343</v>
      </c>
      <c r="D31" s="174">
        <v>62.8</v>
      </c>
      <c r="E31" s="175">
        <v>63.400000000000006</v>
      </c>
      <c r="F31" s="165"/>
      <c r="G31" s="25"/>
    </row>
    <row r="32" spans="2:7" ht="24" customHeight="1" x14ac:dyDescent="0.2">
      <c r="B32" s="160">
        <v>64</v>
      </c>
      <c r="C32" s="164" t="s">
        <v>344</v>
      </c>
      <c r="D32" s="174">
        <v>21.3</v>
      </c>
      <c r="E32" s="175">
        <v>21.7</v>
      </c>
      <c r="F32" s="165"/>
      <c r="G32" s="25"/>
    </row>
    <row r="33" spans="2:7" ht="24" customHeight="1" x14ac:dyDescent="0.2">
      <c r="B33" s="160">
        <v>65</v>
      </c>
      <c r="C33" s="164" t="s">
        <v>345</v>
      </c>
      <c r="D33" s="174">
        <v>54.7</v>
      </c>
      <c r="E33" s="175">
        <v>54.7</v>
      </c>
      <c r="F33" s="165"/>
      <c r="G33" s="25"/>
    </row>
    <row r="34" spans="2:7" ht="24" customHeight="1" x14ac:dyDescent="0.2">
      <c r="B34" s="160">
        <v>66</v>
      </c>
      <c r="C34" s="164" t="s">
        <v>365</v>
      </c>
      <c r="D34" s="174">
        <v>50.4</v>
      </c>
      <c r="E34" s="175">
        <v>50.7</v>
      </c>
      <c r="F34" s="165"/>
      <c r="G34" s="25"/>
    </row>
    <row r="35" spans="2:7" ht="24" customHeight="1" x14ac:dyDescent="0.2">
      <c r="B35" s="160">
        <v>67</v>
      </c>
      <c r="C35" s="166" t="s">
        <v>346</v>
      </c>
      <c r="D35" s="174">
        <v>57.3</v>
      </c>
      <c r="E35" s="175">
        <v>56.2</v>
      </c>
      <c r="F35" s="165"/>
      <c r="G35" s="25"/>
    </row>
    <row r="36" spans="2:7" ht="24" customHeight="1" x14ac:dyDescent="0.2">
      <c r="B36" s="160">
        <v>68</v>
      </c>
      <c r="C36" s="164" t="s">
        <v>347</v>
      </c>
      <c r="D36" s="174">
        <v>86.1</v>
      </c>
      <c r="E36" s="175">
        <v>85.8</v>
      </c>
      <c r="F36" s="165"/>
      <c r="G36" s="25"/>
    </row>
    <row r="37" spans="2:7" ht="24" customHeight="1" x14ac:dyDescent="0.2">
      <c r="B37" s="160">
        <v>69</v>
      </c>
      <c r="C37" s="164" t="s">
        <v>366</v>
      </c>
      <c r="D37" s="174">
        <v>72.7</v>
      </c>
      <c r="E37" s="175">
        <v>70.2</v>
      </c>
      <c r="F37" s="171"/>
      <c r="G37" s="25"/>
    </row>
    <row r="38" spans="2:7" ht="24" customHeight="1" thickBot="1" x14ac:dyDescent="0.25">
      <c r="B38" s="160">
        <v>70</v>
      </c>
      <c r="C38" s="166" t="s">
        <v>367</v>
      </c>
      <c r="D38" s="174">
        <v>71.5</v>
      </c>
      <c r="E38" s="178">
        <v>68.400000000000006</v>
      </c>
      <c r="F38" s="167"/>
      <c r="G38" s="25"/>
    </row>
    <row r="39" spans="2:7" ht="9.6" customHeight="1" x14ac:dyDescent="0.2">
      <c r="B39" s="168"/>
      <c r="C39" s="169"/>
      <c r="D39" s="176"/>
      <c r="E39" s="176"/>
      <c r="F39" s="168"/>
      <c r="G39" s="25"/>
    </row>
    <row r="40" spans="2:7" ht="31.2" customHeight="1" x14ac:dyDescent="0.2"/>
    <row r="41" spans="2:7" ht="31.2" customHeight="1" x14ac:dyDescent="0.2"/>
  </sheetData>
  <mergeCells count="1">
    <mergeCell ref="B1:F1"/>
  </mergeCells>
  <phoneticPr fontId="2"/>
  <pageMargins left="0.25" right="0.25" top="0.75" bottom="0.75" header="0.3" footer="0.3"/>
  <pageSetup paperSize="9" scale="70"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8</vt:i4>
      </vt:variant>
    </vt:vector>
  </HeadingPairs>
  <TitlesOfParts>
    <vt:vector size="16" baseType="lpstr">
      <vt:lpstr>小・国語</vt:lpstr>
      <vt:lpstr>小・算数</vt:lpstr>
      <vt:lpstr>小・理科</vt:lpstr>
      <vt:lpstr>中・国語</vt:lpstr>
      <vt:lpstr>中・数学</vt:lpstr>
      <vt:lpstr>中・理科</vt:lpstr>
      <vt:lpstr>小・国算理質問調査</vt:lpstr>
      <vt:lpstr>中・国数理質問調査</vt:lpstr>
      <vt:lpstr>小・国語!Print_Area</vt:lpstr>
      <vt:lpstr>小・国算理質問調査!Print_Area</vt:lpstr>
      <vt:lpstr>小・算数!Print_Area</vt:lpstr>
      <vt:lpstr>小・理科!Print_Area</vt:lpstr>
      <vt:lpstr>中・国語!Print_Area</vt:lpstr>
      <vt:lpstr>中・国数理質問調査!Print_Area</vt:lpstr>
      <vt:lpstr>中・数学!Print_Area</vt:lpstr>
      <vt:lpstr>中・理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15T12:02:59Z</cp:lastPrinted>
  <dcterms:created xsi:type="dcterms:W3CDTF">2024-09-24T07:15:31Z</dcterms:created>
  <dcterms:modified xsi:type="dcterms:W3CDTF">2025-10-15T12:04:11Z</dcterms:modified>
</cp:coreProperties>
</file>